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tables/table1.xml" ContentType="application/vnd.openxmlformats-officedocument.spreadsheetml.tab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328"/>
  <workbookPr defaultThemeVersion="166925"/>
  <mc:AlternateContent xmlns:mc="http://schemas.openxmlformats.org/markup-compatibility/2006">
    <mc:Choice Requires="x15">
      <x15ac:absPath xmlns:x15ac="http://schemas.microsoft.com/office/spreadsheetml/2010/11/ac" url="\\Sfp.idir.bcgov\s114\S15022\CPP\Admin 100-499\Admin General - 01\PP and MSP shared\Fee item analysis\"/>
    </mc:Choice>
  </mc:AlternateContent>
  <xr:revisionPtr revIDLastSave="0" documentId="13_ncr:1_{61AA79DC-957B-440E-B8EE-D7AAD13947AE}" xr6:coauthVersionLast="41" xr6:coauthVersionMax="41" xr10:uidLastSave="{00000000-0000-0000-0000-000000000000}"/>
  <bookViews>
    <workbookView xWindow="-120" yWindow="-120" windowWidth="29040" windowHeight="15840" xr2:uid="{E561CCB3-5A6E-4021-B2A5-14471CEAB5E7}"/>
  </bookViews>
  <sheets>
    <sheet name="Fees (numeric)" sheetId="1" r:id="rId1"/>
  </sheets>
  <definedNames>
    <definedName name="ALLOFIT">#REF!</definedName>
    <definedName name="FINAL" localSheetId="0">'Fees (numeric)'!$B$3:$D$309</definedName>
    <definedName name="FINAL">#REF!</definedName>
    <definedName name="_xlnm.Print_Area" localSheetId="0">'Fees (numeric)'!$B$1:$D$282</definedName>
    <definedName name="_xlnm.Print_Titles" localSheetId="0">'Fees (numeric)'!$1:$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755" uniqueCount="456">
  <si>
    <t>Business Cost Premium Eligible Fees</t>
  </si>
  <si>
    <t>Fee Item</t>
  </si>
  <si>
    <t>Fee Item Description</t>
  </si>
  <si>
    <t>00062</t>
  </si>
  <si>
    <t>ADOPTION EXAMINATION</t>
  </si>
  <si>
    <t>00064</t>
  </si>
  <si>
    <t>ADOPTION - SUBSEQUENT EXAM</t>
  </si>
  <si>
    <t>00100</t>
  </si>
  <si>
    <t>VISIT IN OFFICE: AGE 2 - 49 FOR ANY CONDITION(S) REQUIRING PARTIAL OR REGIONAL EXAMINATION AND HISTORY - INCLUDES BOTH INITIAL AND SUBSEQUENT EXAMINATION FOR SAME OR RELATED</t>
  </si>
  <si>
    <t>00101</t>
  </si>
  <si>
    <t>COMPLETE EXAMINATION IN OFFICE: AGE 2 - 49 FOR ANY CONDITION SEEN REQUIRING A COMPLETE PHYSICAL EXAMINATION AND DETAILED HISTORY (TO INCLUDE TONOMETRY AND BIOMICROSCOPY WHEN PERFORMED)</t>
  </si>
  <si>
    <t>00110</t>
  </si>
  <si>
    <t>CONSULTATION IN OFFICE: AGE 2 - 49 TO INCLUDE A HISTORY AND PHYSICAL EXAMINATION, REVIEW OF X-RAYS AND LABORATORY FINDINGS AND A WRITTEN REPORT.</t>
  </si>
  <si>
    <t>00120</t>
  </si>
  <si>
    <t>FOR A PROLONGED VISIT FOR COUNSELLING (MINIMUM TIME PER VISIT - 20 MINUTES) NOTES: I)   MSP WILL PAY FOR UP TO FOUR (4) INDIVIDUAL COUNSELLING VISITS (ANY</t>
  </si>
  <si>
    <t>00121</t>
  </si>
  <si>
    <t>COUNSELLING - FOR GROUPS OF TWO OR MORE PATIENTS - FIRST FULL HOUR NOTE: START AND END TIMES MUST BE ENTERED IN BOTH THE BILLING CLAIMS AND THE PATIENT'S CHART</t>
  </si>
  <si>
    <t>00122</t>
  </si>
  <si>
    <t>COUNSELLING - FOR GROUPS OF TWO OR MORE PATIENTS - SECOND HOUR, PER 1/2 HOUR OR MAJOR PORTION THEREOF NOTE: START AND END TIMES MUST BE ENTERED IN BOTH THE BILLING CLAIMS AND THE</t>
  </si>
  <si>
    <t>00206</t>
  </si>
  <si>
    <t>SPECIAL EXAMINATION: FOR PRIMARY SYSTEMIC DISEASES WITH CUTANEOUS MANIFESTATIONS, TO INCLUDE COMPLETE HISTORY AND PHYSICAL EXAMINATION, REVIEW OF</t>
  </si>
  <si>
    <t>00207</t>
  </si>
  <si>
    <t>CONTINUING CARE BY CONSULTANT: SUBSEQUENT OFFICE VISIT</t>
  </si>
  <si>
    <t>00210</t>
  </si>
  <si>
    <t>CONSULTATION: TO INCLUDE HISTORY AND DERMATOLOGICAL  EXAMINATION, WITH REVIEW OF ANY PREVIOUS X-RAY AND LABORATORY FINDINGS</t>
  </si>
  <si>
    <t>00214</t>
  </si>
  <si>
    <t>REPEAT OR LIMITED CONSULTATION: TO APPLY WHERE A CONSULTATION IS REPEATED FOR SAME CONDITION WITHIN SIX MONTHS OF THE LAST VISIT BY THE</t>
  </si>
  <si>
    <t>00307</t>
  </si>
  <si>
    <t>00310</t>
  </si>
  <si>
    <t>CONSULTATION:  TO CONSIST OF EXAMINATION, REVIEW OF HISTORY, LABORATORY, X-RAY FINDINGS, AND ADDITIONAL VISITS NECESSARY TO RENDER A</t>
  </si>
  <si>
    <t>00311</t>
  </si>
  <si>
    <t>GIM - COMPLEX CONSULTATION - 3 MEDICAL CONDITIONS NOTES: I) PAYABLE ONLY FOR GENERAL INTERNAL MEDICINE SPECIALISTS WHO HAVE COMPLETED 3</t>
  </si>
  <si>
    <t>00312</t>
  </si>
  <si>
    <t>REPEAT OR LIMITED CONSULTATION: WHERE A CONSULTATION FOR SAME ILLNESS IS REPEATED WITHIN SIX MONTHS OF THE LAST VISIT BY THE CONSULTANT, OR WHERE IN THE JUDGMENT OF THE CONSULTANT THE CONSULTATIVE SERVICES DO NOT WARRANT A FULL</t>
  </si>
  <si>
    <t>00313</t>
  </si>
  <si>
    <t>GROUP COUNSELLING FOR GROUPS OF TWO OR MORE PATIENTS - FIRST FULL HOUR NOTE: START AND END TIMES MUST BE ENTERED IN BOTH THE BILLING CLAIMS AND THE PATIENT'S CHART</t>
  </si>
  <si>
    <t>00314</t>
  </si>
  <si>
    <t>PROLONGED VISIT FOR COUNSELLING (MAXIMUM, FOUR PER YEAR) NOTES: I)  SEE PREAMBLE, CLAUSE D.3.3.</t>
  </si>
  <si>
    <t>00315</t>
  </si>
  <si>
    <t>GROUP COUNSELLING FOR GROUPS OF TWO OR MORE PATIENTS- SECOND HOUR, PER 1/2 HOUR OR MAJOR PORTION THEREOF NOTE:</t>
  </si>
  <si>
    <t>00407</t>
  </si>
  <si>
    <t>00410</t>
  </si>
  <si>
    <t>CONSULTATION:  TO CONSIST OF EXAMINATION, REVIEW OF HISTORY, LABORATORY, X-RAY FINDINGS, AND ADDITIONAL VISITS NECESSARY TO</t>
  </si>
  <si>
    <t>00411</t>
  </si>
  <si>
    <t>REPEAT OR LIMITED CONSULTATION: WHERE A CONSULTATION FOR THE SAME ILLNESS IS REPEATED WITHIN SIX MONTHS OF THE LAST SERVICE</t>
  </si>
  <si>
    <t>00450</t>
  </si>
  <si>
    <t>NEUROLOGY COMPLEX CARE-EXTENDED CONSULTATION - PER 15 MINUTES OR MAJOR PORTION THEREOF NOTES</t>
  </si>
  <si>
    <t>00457</t>
  </si>
  <si>
    <t>COMPLEX CARE - EXTENDED VISIT- PER 15 MINUTES OR MAJOR PORTION THEREOF NOTES: I) PAID IN ADDITION TO 00406, 00407, 00408, 00409, 00476, 00477 OR 00478 AFTER</t>
  </si>
  <si>
    <t>00460</t>
  </si>
  <si>
    <t>TRANSFER OF CARE FROM PEDIATRICS - EXTENDED CONSULTATION: TO CONSIST OF AN EXAMINATION, REVIEW OF HISTORY, PREVIOUS LABORATORY &amp; X-RAY FINDINGS, AND WRITTEN REPORT ON A PATIENT WITH A COMPLEX AND CHRONIC NEUROLOGIC</t>
  </si>
  <si>
    <t>00485</t>
  </si>
  <si>
    <t>FACE TO FACE ASSESSMENT FOR ACUTE DETERIORATION IN STATUS OF AN MS PATIENT- 1ST FULL HALF HOUR.  TO CONSIST OF ACUTE ASSESSMENT, EXAMINATION INCLUDING EDSS REVIEW OF HISTORY, LABORATORY TESTING AND DIAGNOSTIC IMAGING, AND THE RENDERING</t>
  </si>
  <si>
    <t>00486</t>
  </si>
  <si>
    <t>FACE TO FACE ASSESSMENT FOR ACUTE DETERIORATION IN STATUS OF AN MS PATIENT- EACH ADDITIONAL HALF HOUR OR MAJOR PORTION THEREOF. NOTES:</t>
  </si>
  <si>
    <t>00487</t>
  </si>
  <si>
    <t>DETAILED COGNITIVE ASSESSMENT BY BEHAVIORAL NEUROLOGIST NOTES: I)   RESTRICTED TO PRACTITIONERS WITH A SUBSPECIALTY IN BEHAVIORAL NEUROLOGY.</t>
  </si>
  <si>
    <t>00488</t>
  </si>
  <si>
    <t>DETAILED COGNITIVE ASSESSMENT- EXTRA NOTES: I)   RESTRICTED TO NEUROLOGISTS.</t>
  </si>
  <si>
    <t>00491</t>
  </si>
  <si>
    <t>DETAILED PARKINSON'S DISEASE QUANTITATIVE REVIEW FOR NEUROLOGISTS WITH A MOVE- MENT DISORDER (MD) FELLOWSHIP - EXTRA NOTES:</t>
  </si>
  <si>
    <t>00492</t>
  </si>
  <si>
    <t>DETAILED PARKINSON'S DISEASE QUANTITATIVE REVIEW - EXTRA NOTES: I)   RESTRICTED TO NEUROLOGISTS.</t>
  </si>
  <si>
    <t>00507</t>
  </si>
  <si>
    <t>00510</t>
  </si>
  <si>
    <t>CONSULTATION:  TO CONSIST OF AN EXAMINATION, REVIEW OF HISTORY, LABORATORY, X-RAY FINDINGS, AND ADDITIONAL VISITS NECESSARY TO RENDER A</t>
  </si>
  <si>
    <t>00511</t>
  </si>
  <si>
    <t>CONSULTATION FOR COMPLEX BEHAVIOURAL, DEVELOPMENTAL OR PSYCHIATRIC CONDITION IN A CHILD: TO CONSIST OF A PHYSICAL AND NEUROLOGICAL EXAMINATION, REVIEW OF HI STORY, LABORATORY, X-RAY FINDINGS, AND ADDITIONAL VISITS NECESSARY TO RENDER A</t>
  </si>
  <si>
    <t>00512</t>
  </si>
  <si>
    <t>REPEAT OR LIMITED CONSULTATION:  WHERE A FORMAL CONSULTATION FOR THE SAME ILLNESS IS REPEATED WITHIN SIX MONTHS OF THE LAST VISIT BY</t>
  </si>
  <si>
    <t>00513</t>
  </si>
  <si>
    <t>GROUP COUNSELLING FOR GROUPS OF TWO OR MORE PATIENTS - FIRST FULL HOUR NOTE:  START AND END TIMES MUST BE ENTERED IN BOTH THE BILLING        CLAIMS AND THE PATIENT'S CHART.</t>
  </si>
  <si>
    <t>00514</t>
  </si>
  <si>
    <t>PROLONGED VISIT FOR COUNSELLING NOTE: I)   THE PLAN WILL PAY UP TO FOUR SUCH VISITS PER YEAR.</t>
  </si>
  <si>
    <t>00515</t>
  </si>
  <si>
    <t>GROUP COUNSELLING FOR GROUPS OF TWO OR MORE PATIENTS- SECOND HOUR, PER 1/2 HOUR OR MAJOR PORTION THEREOF NOTE:  START AND END TIMES MUST BE ENTERED IN BOTH THE BILLING CLAIMS AND</t>
  </si>
  <si>
    <t>00550</t>
  </si>
  <si>
    <t>EXTENDED CONSULTATION - EXCEEDING 53 MINUTES (ACTUAL TIME SPENT WITH PATIENT): TO CONSIST OF AN EXAMINATION, REVIEW OF HISTORY, LABORATORY, X-RAY FINDINGS, AND ADDITIONAL VISITS NECESSARY TO RENDER A WRITTEN REPORT</t>
  </si>
  <si>
    <t>00551</t>
  </si>
  <si>
    <t>EXTENDED CONSULTATION - EXCEEDING 68 MINUTES (ACTUAL TIME SPENT WITH PATIENT): TO CONSIST OF AN EXAMINATION, REVIEW OF HISTORY, LABORATORY, X-RAY FINDINGS, AND ADDITIONAL VISITS NECESSARY TO RENDER A WRITTEN REPORT</t>
  </si>
  <si>
    <t>00552</t>
  </si>
  <si>
    <t>COMPLEX SUBSEQUENT OFFICE VISIT - EXCEEDING 12 MINUTES (AT LEAST 10 MINUTES SPENT WITH PATIENT). NOTES:</t>
  </si>
  <si>
    <t>00553</t>
  </si>
  <si>
    <t>EXTENDED SUBSEQUENT OFFICE VISIT - EXCEEDING 23 MINUTES (AT LEAST 20 MINUTES SPENT WITH PATIENT) NOTES:</t>
  </si>
  <si>
    <t>00554</t>
  </si>
  <si>
    <t>EXTENDED SUBSEQUENT OFFICE VISIT - EXCEEDING 38 MINUTES (AT LEAST 30 MINUTES SPENT WITH PATIENT). NOTES:</t>
  </si>
  <si>
    <t>00590</t>
  </si>
  <si>
    <t>ANTENATAL CONSULTATION TO CONSIST OF AN APPROPRIATE EXAMINATION, REVIEW OF HISTORY, LABORATORY IMAGING STUDIES, AND ADDITIONAL VISITS NECESSARY TO RENDER A WRITTEN REPORT</t>
  </si>
  <si>
    <t>00597</t>
  </si>
  <si>
    <t>ANTENATAL FOLLOW-UP VISIT NOTE: PAYABLE IN CASES OF PREMATURITY OR FETAL ANOMALY.</t>
  </si>
  <si>
    <t>00607</t>
  </si>
  <si>
    <t>OFFICE VISIT TO INCLUDE SERVICES SUCH AS CHEMOTHERAPY MANAGEMENT AND /OR MINIMAL PSYCHOTHERAPY</t>
  </si>
  <si>
    <t>00610</t>
  </si>
  <si>
    <t>FULL CONSULTATION - INDIVIDUAL:  DIAGNOSTIC INTERVIEW OR EXAMINATION, INCLUDING HISTORY, MENTAL STATUS EXAM AND TREATMENT RECOMMENDATION, WITH WRITTEN REPORT. PRIVATE OFFICE OR HOSPITAL OUT-PATIENT</t>
  </si>
  <si>
    <t>00611</t>
  </si>
  <si>
    <t>EXTENDED ADULT PSYCHIATRY CONSULTATION &gt; 68 MINUTES NOTE:   PAYABLE ONLY TO PATIENTS 18 YEARS OF AGE AND OLDER NOTE:   START AND END TIMES MUST BE ENTERED IN BOTH THE BILLING CLAIMS AND THE</t>
  </si>
  <si>
    <t>00613</t>
  </si>
  <si>
    <t>FULL CONSULTATION - INDIVIDUAL:  DIAGNOSTIC INTERVIEW OR EXAMINATION, INCLUDING HISTORY, MENTAL STATUS EXAM AND TREATMENT RECOMMENDATION, WITH WRITTEN REPORT. GERIATRIC CONSULTATION (PATIENTS 75 YEARS OR OLDER)</t>
  </si>
  <si>
    <t>00614</t>
  </si>
  <si>
    <t>GERIATRIC (SEE 00613) REPEAT OR LIMITED CONSULTATION - WHERE A FORMAL CONSULTATION FOR THE SAME ILLNESS IS REPEATED WITHIN SIX MONTHS OF THE LAST VISIT BY THE CONSULTANT, OR</t>
  </si>
  <si>
    <t>00615</t>
  </si>
  <si>
    <t>FULL CONSULTATION - INDIVIDUAL:  DIAGNOSTIC INTERVIEW OR EXAMINATION, INCLUDING HISTORY, MENTAL STATUS EXAM AND TREATMENT RECOMMENDATION, WITH WRITTEN REPORT. HOSPITAL/INSTITUTION IN-PATIENT OR HOME</t>
  </si>
  <si>
    <t>00622</t>
  </si>
  <si>
    <t>FULL CONSULTATION - EMOTIONALLY DISTURBED CHILD: DIAGNOSTIC INTERVIEW OR EXAMINATION, INCLUDING MENTAL STATUS AND TREATMENT</t>
  </si>
  <si>
    <t>00623</t>
  </si>
  <si>
    <t>FULL CONSULTATION - MULTIPLE DISTURBED FAMILY (THREE OR MORE MEMBERS): SIMULTANEOUS DIAGNOSTIC INTERVIEWS OR EXAMINATION, INCLUDING MENTAL STATUS OF THE MEMBERS, THEIR INTERACTIONS, AND WRITTEN REPORT</t>
  </si>
  <si>
    <t>00625</t>
  </si>
  <si>
    <t>INDIVIDUAL (SEE 00610 AND 00615) REPEAT OR LIMITED CONSULTATION - WHERE A FORMAL CONSULTATION FOR THE SAME ILLNESS IS REPEATED WITHIN SIX MONTHS OF THE LAST VISIT BY THE CONSULTANT, OR</t>
  </si>
  <si>
    <t>00626</t>
  </si>
  <si>
    <t>EMOTIONALLY DISTURBED CHILD (SEE 00622) REPEAT OR LIMITED CONSULTATION - WHERE A FORMAL CONSULTATION FOR THE SAME ILLNESS IS REPEATED WITHIN SIX MONTHS OF THE LAST VISIT BY THE CONSULTANT, OR</t>
  </si>
  <si>
    <t>00627</t>
  </si>
  <si>
    <t>MULTIPLE DISTURBED FAMILY (SEE 00623) REPEAT OR LIMITED CONSULTATION - WHERE A FORMAL CONSULTATION FOR THE SAME ILLNESS IS REPEATED WITHIN SIX MONTHS OF THE LAST VISIT BY THE CONSULTANT, OR</t>
  </si>
  <si>
    <t>00630</t>
  </si>
  <si>
    <t>PSYCHIATRIC TREATMENT - INDIVIDUAL (OFFICE OR HOSPITAL OUT-PATIENT) - PER 1/2 HOUR NOTE:  START AND END TIMES MUST BE ENTERED IN BOTH THE BILLING CLAIMS</t>
  </si>
  <si>
    <t>00631</t>
  </si>
  <si>
    <t>PSYCHIATRIC TREATMENT - INDIVIDUAL (OFFICE OR HOSPITAL OUT-PATIENT) - PER 3/4 HOUR NOTE:  START AND END TIMES MUST BE ENTERED IN BOTH THE BILLING CLAIMS AND THE</t>
  </si>
  <si>
    <t>00632</t>
  </si>
  <si>
    <t>PSYCHIATRIC TREATMENT - INDIVIDUAL (OFFICE OR HOSPITAL OUT-PATIENT) - PER 1 HOUR NOTE:  START AND END TIMES MUST BE ENTERED IN BOTH THE BILLING</t>
  </si>
  <si>
    <t>00633</t>
  </si>
  <si>
    <t>PSYCHIATRIC TREATMENT - FAMILY/CONJOINT THERAPY - (TWO OR MORE FAMILY MEMBERS) - PER 1/2 HOUR NOTES:</t>
  </si>
  <si>
    <t>00635</t>
  </si>
  <si>
    <t>PSYCHIATRIC TREATMENT - FAMILY/CONJOINT THERAPY - (TWO OR MORE FAMILY MEMBERS) - PER 3/4 HOUR NOTES:</t>
  </si>
  <si>
    <t>00636</t>
  </si>
  <si>
    <t>PSYCHIATRIC TREATMENT - FAMILY/CONJOINT THERAPY - (TWO OR MORE FAMILY MEMBERS) - PER 1 HOUR NOTES:</t>
  </si>
  <si>
    <t>00638</t>
  </si>
  <si>
    <t>PSYCHIATRIC TREATMENT - FAMILY/CONJOINT THERAPY - (TWO OR MORE FAMILY MEMBERS) -PER 1 1/4 HOUR NOTES:</t>
  </si>
  <si>
    <t>00639</t>
  </si>
  <si>
    <t>PSYCHIATRIC TREATMENT-FAMILY/CONJOINT THERAPY -(TWO OR MORE FAMILY MEMBERS) -PER 1 1/2 HOUR NOTES:</t>
  </si>
  <si>
    <t>00650</t>
  </si>
  <si>
    <t>PSYCHIATRIC TREATMENT INDIVIDUAL (HOSPITAL OR INSTITUTION IN-PATIENT OR HOME) - PER 1/2 HOUR</t>
  </si>
  <si>
    <t>00651</t>
  </si>
  <si>
    <t>PSYCHIATRIC TREATMENT INDIVIDUAL (HOSPITAL OR INSTITUTION IN-PATIENT OR HOME) - PER 3/4 HOUR</t>
  </si>
  <si>
    <t>00652</t>
  </si>
  <si>
    <t>PSYCHIATRIC TREATMENT - PER 1 HOUR NOTE:</t>
  </si>
  <si>
    <t>00663</t>
  </si>
  <si>
    <t>GROUP PSYCHOTHERAPY FEE PER PATIENT, PER 1/2 HOUR:  THREE PATIENTS NOTES:</t>
  </si>
  <si>
    <t>00664</t>
  </si>
  <si>
    <t>GROUP PSYCHOTHERAPY FEE PER PATIENT, PER 1/2 HOUR:  FOUR PATIENTS NOTES:</t>
  </si>
  <si>
    <t>00665</t>
  </si>
  <si>
    <t>GROUP PSYCHOTHERAPY FEE PER PATIENT, PER 1/2 HOUR:  FIVE PATIENTS NOTES:</t>
  </si>
  <si>
    <t>00666</t>
  </si>
  <si>
    <t>GROUP PSYCHOTHERAPY FEE PER PATIENT, PER 1/2 HOUR:  SIX PATIENTS NOTES:</t>
  </si>
  <si>
    <t>00667</t>
  </si>
  <si>
    <t>GROUP PSYCHOTHERAPY FEE PER PATIENT, PER 1/2 HOUR:  SEVEN PATIENTS NOTES:</t>
  </si>
  <si>
    <t>00668</t>
  </si>
  <si>
    <t>GROUP PSYCHOTHERAPY FEE PER PATIENT, PER 1/2 HOUR:  EIGHT PATIENTS NOTES:</t>
  </si>
  <si>
    <t>00669</t>
  </si>
  <si>
    <t>GROUP PSYCHOTHERAPY FEE PER PATIENT, PER 1/2 HOUR:  NINE PATIENTS NOTES:</t>
  </si>
  <si>
    <t>00670</t>
  </si>
  <si>
    <t>GROUP PSYCHOTHERAPY FEE PER PATIENT, PER 1/2 HOUR:  TEN PATIENTS NOTES:</t>
  </si>
  <si>
    <t>00671</t>
  </si>
  <si>
    <t>GROUP PSYCHOTHERAPY FEE PER PATIENT, PER 1/2 HOUR:  ELEVEN PATIENTS NOTES:</t>
  </si>
  <si>
    <t>00672</t>
  </si>
  <si>
    <t>GROUP PSYCHOTHERAPY FEE PER PATIENT, PER 1/2 HOUR:  TWELVE PATIENTS NOTES:</t>
  </si>
  <si>
    <t>00673</t>
  </si>
  <si>
    <t>GROUP PSYCHOTHERAPY FEE PER PATIENT, PER 1/2 HOUR:  THIRTEEN PATIENTS NOTES:</t>
  </si>
  <si>
    <t>00674</t>
  </si>
  <si>
    <t>GROUP PSYCHOTHERAPY FEE PER PATIENT, PER 1/2 HOUR:  FOURTEEN PATIENTS NOTES:</t>
  </si>
  <si>
    <t>00675</t>
  </si>
  <si>
    <t>GROUP PSYCHOTHERAPY FEE PER PATIENT, PER 1/2 HOUR:  FIFTEEN PATIENTS NOTES:</t>
  </si>
  <si>
    <t>00676</t>
  </si>
  <si>
    <t>GROUP PSYCHOTHERAPY FEE PER PATIENT, PER 1/2 HOUR:  SIXTEEN PATIENTS NOTES:</t>
  </si>
  <si>
    <t>00677</t>
  </si>
  <si>
    <t>GROUP PSYCHOTHERAPY FEE PER PATIENT, PER 1/2 HOUR:  SEVENTEEN PATIENTS NOTES:</t>
  </si>
  <si>
    <t>00678</t>
  </si>
  <si>
    <t>GROUP PSYCHOTHERAPY-FEE PATIENT-PER 1/2 HOUR EIGHTEEN PATIENTS NOTES:</t>
  </si>
  <si>
    <t>00679</t>
  </si>
  <si>
    <t>GROUP PSYCHOTHERAPY-FEE PER PATIENT - PER 1/2 HOUR NINETEEN PATIENTS NOTES:</t>
  </si>
  <si>
    <t>00680</t>
  </si>
  <si>
    <t>GROUP PSYCHOTHERAPY-FEE PER PATIENT-PER 1/2 HOUR TWENTY PATIENTS NOTES:</t>
  </si>
  <si>
    <t>00681</t>
  </si>
  <si>
    <t>GROUP PSYCHOTHERAPY-FEE PER PATIENT-PER 1/2 HOUR GREATER THAN TWENTY PATIENTS NOTES:</t>
  </si>
  <si>
    <t>01013</t>
  </si>
  <si>
    <t>CONSULTATION BY A CERTIFIED SPECIALIST IN ANAESTHESIA FOR ASSESSMENT OF THE PATIENT FOR POST OPERATIVE ACUTE PAIN MANAGEMENT, WHEN THE</t>
  </si>
  <si>
    <t>01015</t>
  </si>
  <si>
    <t>CONSULTATION BY A CERTIFIED SPECIALIST IN ANAESTHESIA:  BECAUSE OF THE COMPLEXITY, OBSCURITY AND/OR SERIOUSNESS OF THE CASE.  INCLUDES</t>
  </si>
  <si>
    <t>01016</t>
  </si>
  <si>
    <t>CONSULTATION BY A CERTIFIED SPECIALIST IN ANAESTHESIA:  FOR DIAGNOSTIC OPINION AND/OR THERAPEUTIC MANAGEMENT OF COMPLICATED CHRONIC</t>
  </si>
  <si>
    <t>01107</t>
  </si>
  <si>
    <t>OFFICE VISIT NOTE:  NOT PAID WITH OTHER LISTINGS.</t>
  </si>
  <si>
    <t>01115</t>
  </si>
  <si>
    <t>REPEAT OR LIMITED CONSULTATION BY A CERTIFIED SPECIALIST IN ANAESTHESIA:  TO APPLY WHERE A CONSULTATION IS REPEATED FOR THE SAME CONDITION/PROBLEM</t>
  </si>
  <si>
    <t>01116</t>
  </si>
  <si>
    <t>REPEAT OR LIMITED CONSULTATION BY A CERTIFIED SPECIALIST IN ANAESTHESIA: TO APPLY FOR A DIAGNOSTIC OPINION AND/OR THERAPEUTIC PAIN MANAGEMENT WHERE A CONSULTATION IS REPEATED FOR THE SAME CONDITION/PROBLEM WITHIN SIX MONTHS BY</t>
  </si>
  <si>
    <t>01400</t>
  </si>
  <si>
    <t>CONSULTATION: TO CONSIST OF EXAMINATION, REVIEW OF HISTORY, LABORATORY, X-RAY FINDINGS AND ADDITIONAL VISITS NECESSARY TO RENDER A WRITTEN REPORT ( NOT FOR ICU PATIENTS)</t>
  </si>
  <si>
    <t>01402</t>
  </si>
  <si>
    <t>01707</t>
  </si>
  <si>
    <t>CONTINUING CARE BY CONSULTANT: OFFICE VISIT</t>
  </si>
  <si>
    <t>01710</t>
  </si>
  <si>
    <t>FORMAL CONSULTATION:  TO CONSIST OF EXAMINATION, REVIEW OF HISTORY, LABORATORY, X-RAY FINDINGS, FUNCTIONAL, SOCIAL, AND</t>
  </si>
  <si>
    <t>01712</t>
  </si>
  <si>
    <t>REPEAT OR LIMITED CONSULTATION:  WHERE A FORMAL CONSULTATION FOR THE SAME ILLNESS IS REPEATED AT AN INTERVAL WITHIN SIX MONTHS OF</t>
  </si>
  <si>
    <t>01713</t>
  </si>
  <si>
    <t>GROUP COUNSELLING FOR GROUPS OF TWO OR MORE PATIENTS: FIRST FULL HOUR NOTE:   START AND END TIMES MUST BE ENTERED IN BOTH THE BILLING CLAIMS AND THE PATIENT'S CHART.</t>
  </si>
  <si>
    <t>01714</t>
  </si>
  <si>
    <t>PROLONGED VISIT FOR COUNSELLING (UP TO FOUR ANNUALLY. SEE PREAMBLE, B.4.C.) NOTE:   START AND END TIMES MUST BE ENTERED IN BOTH THE BILLING CLAIMS AND THE</t>
  </si>
  <si>
    <t>01715</t>
  </si>
  <si>
    <t>GROUP COUNSELLING FOR GROUPS OF TWO OR MORE PATIENTS: SECOND HOUR, PER 1/2 HOUR (OR MAJOR PORTION THEREOF) NOTE:   START AND END TIMES MUST BE ENTERED IN BOTH THE BILLING CLAIMS AND THE</t>
  </si>
  <si>
    <t>02007</t>
  </si>
  <si>
    <t>02010</t>
  </si>
  <si>
    <t>CONSULTATION: TO INCLUDE HISTORY, EYE EXAMINATION, REVIEW OF X-RAYS AND LABORATORY FINDINGS AND IN ADDITION WHERE INDICATED AN NECESSARY, ANY OR ALL OF MEASUREMENT FOR REFRACTIVE ERROR, OPHTHALMOSCOPY, BIOMICROSCOPY, TONOMETRY,</t>
  </si>
  <si>
    <t>02011</t>
  </si>
  <si>
    <t>REPEAT OR LIMITED CONSULTATION: TO APPLY WHERE A CONSULTATION IS REPEATED FOR SAME CONDITION WITHIN  SIX MONTHS OF THE LAST VISIT TO THE</t>
  </si>
  <si>
    <t>02012</t>
  </si>
  <si>
    <t>SPECIAL CONSULTATION: TO APPLY WHEN A OPHTHALMOLOGIST, NEUROLOGIST, PEDIATRIC NEUROLOGIST OR A NEUROSURGEON REFERS A PATIENT TO AN OPHTHALMOLOGIST FOR SPECIAL EXAMINATION, OR WHEN AN OPHTHALMOLOGIST REFERS A PATIENT TO ANOTHER</t>
  </si>
  <si>
    <t>02215</t>
  </si>
  <si>
    <t>OTOLARYNGOLOGY PRE-OPERATIVE ASSESSMENT NOTES:</t>
  </si>
  <si>
    <t>02507</t>
  </si>
  <si>
    <t>02510</t>
  </si>
  <si>
    <t>CONSULTATION: TO INCLUDE HISTORY, DETAILED EXAMINATION OF THE EAR, NOSE, AND THROAT, REVIEW OF X-RAY AND LABORATORY FINDINGS,</t>
  </si>
  <si>
    <t>02511</t>
  </si>
  <si>
    <t>CONSULTATION WITH PURE TONE AUDIOGRAM</t>
  </si>
  <si>
    <t>02512</t>
  </si>
  <si>
    <t>SPECIAL CONSULTATION FOR DIZZINESS: TO APPLY WHERE A PATIENT HAS BEEN REFERRED BY AN OTOLARYNGOLOGIST OR A NEUROLOGIST OR A</t>
  </si>
  <si>
    <t>02513</t>
  </si>
  <si>
    <t>CONSULTATION FOR MANAGEMENT OF MALIGNANCY NOTES: I)   PAYABLE TO THE SURGEON IN CHARGE.</t>
  </si>
  <si>
    <t>02514</t>
  </si>
  <si>
    <t>REPEAT OR LIMITED CONSULTATION: TO APPLY WHERE A CONSULTATION IS REPEATED FOR SAME CONDITION WITHIN SIX MONTHS OF THE LAST VISIT</t>
  </si>
  <si>
    <t>02515</t>
  </si>
  <si>
    <t>OTOLARYNGIC ALLERGY CONSULTATION TO INCLUDE A DETAILED HISTORY AND PHYSICAL EXA M WITH REVIEW OF LABORATORY AND OTHER RELEVANT INVESTIGATIONS, PLUS APPROPRIATE  OTOLARYNGIC ALLERGY MANAGEMENT AND ADDITIONAL VISITS NECESSARY TO RENDER A WRI</t>
  </si>
  <si>
    <t>02517</t>
  </si>
  <si>
    <t>CONSULTATION FOR MANAGEMENT OF COMPLEX LARYNGEAL DISORDER NOTES: I)  TO APPLY WHERE A PATIENT HAS BEEN REFERRED BY ANOTHER OTOLARYNGOLOGIST,</t>
  </si>
  <si>
    <t>02519</t>
  </si>
  <si>
    <t>COMPLEX LARYNGEAL DISORDER CONFERENCE FEE-PER 15 MINUTES OR GREATER PORTION THEREOF NOTES:</t>
  </si>
  <si>
    <t>03007</t>
  </si>
  <si>
    <t>03010</t>
  </si>
  <si>
    <t>CONSULTATION:  TO INCLUDE COMPLETE HISTORY AND PHYSICAL EXAMINATION, REVIEW OF X-RAY AND LABORATORY FINDINGS, AND A WRITTEN REPORT</t>
  </si>
  <si>
    <t>03011</t>
  </si>
  <si>
    <t>REPEAT OR LIMITED CONSULTATION:  TO APPLY WHERE A CONSULTATION IS REPEATED FOR SAME CONDITION WITHIN SIX MONTHS OF THE LAST VISIT BY THE CONSULTANT,</t>
  </si>
  <si>
    <t>03315</t>
  </si>
  <si>
    <t>NEUROSURGERY PRE-OPERATIVE ASSESSMENT NOTES:</t>
  </si>
  <si>
    <t>04007</t>
  </si>
  <si>
    <t>SUBSEQUENT OFFICE VISIT (FOR GYNECOLOGY VISITS ONLY, ALL PREGNANT PATIENTS AND ROUTINE PRE-NATAL PATIENTS BILLED UNDER FEE ITEM 14091)</t>
  </si>
  <si>
    <t>04010</t>
  </si>
  <si>
    <t>CONSULTATION:  TO INCLUDE COMPLETE HISTORY AND GYNAECOLOGICAL EXAMINATION, REVIEW OF X-RAY AND LABORATORY FINDINGS, IF REQUIRED,</t>
  </si>
  <si>
    <t>04012</t>
  </si>
  <si>
    <t>REPEAT OR LIMITED CONSULTATION:  TO APPLY WHERE A CONSULTATION IS REPEATED FOR SAME CONDITION WITHIN SIX MONTHS OF THE LAST VISIT BY</t>
  </si>
  <si>
    <t>PRENATAL OFFICE VISIST FOR COMPLEX OBSTETRICAL PATIENT NOTES: I)  PAID ONLY FOR THE FOLLOWING DIAGNOSES:</t>
  </si>
  <si>
    <t>06007</t>
  </si>
  <si>
    <t>06010</t>
  </si>
  <si>
    <t>MAJOR CONSULTATION:  TO INCLUDE COMPLETE HISTORY AND PHYSICAL EXAMINATION, REVIEW OF X-RAY AND LABORATORY FINDINGS, IF REQUIRED, AND A WRITTEN</t>
  </si>
  <si>
    <t>06012</t>
  </si>
  <si>
    <t>REPEAT OR LIMITED CONSULTATION:  TO APPLY WHERE A CONSULTATION IS REPEATED FOR SAME CONDITION WITHIN SIX (6) MONTHS OF LAST VISIT BY THE</t>
  </si>
  <si>
    <t>07007</t>
  </si>
  <si>
    <t>07010</t>
  </si>
  <si>
    <t>CONSULTATION: TO INCLUDE COMPLETE HISTORY AND PHYSICAL EXAMINATION, REVIEW OF X-RAY AND LABORATORY FINDINGS, IF REQUIRED, AND WRITTEN REPORT</t>
  </si>
  <si>
    <t>07012</t>
  </si>
  <si>
    <t>REPEAT OR LIMITED CONSULTATION: TO APPLY WHERE A CONSULTATION IS REPEATED FOR THE SAME CONDITION WITHIN SIX MONTHS OF THE LAST VISIT BY THE CONSULTANT, OR WHERE IN THE JUDGMENT OF THE</t>
  </si>
  <si>
    <t>07807</t>
  </si>
  <si>
    <t>07810</t>
  </si>
  <si>
    <t>07812</t>
  </si>
  <si>
    <t>REPEAT OR LIMITED CONSULTATION:  TO APPLY WHERE A CONSULTATION IS REPEATED FOR SAME CONDITION WITHIN SIX MONTHS OF THE LAST VISIT</t>
  </si>
  <si>
    <t>07815</t>
  </si>
  <si>
    <t>CARDIAC SURGERY PRE-OPERATIVE ASSESSMENT NOTES:</t>
  </si>
  <si>
    <t>08007</t>
  </si>
  <si>
    <t>08010</t>
  </si>
  <si>
    <t>CONSULTATION:  TO INCLUDE COMPLETE HISTORY AND PHYSICAL EXAMINATION, REVIEW OF X-RAY AND LABORATORY FINDINGS, IF REQUIRED, AND A WRITTEN</t>
  </si>
  <si>
    <t>08012</t>
  </si>
  <si>
    <t>REPEAT OR LIMITED CONSULTATION:  TO APPLY WHERE A CONSULTATION IS REPEATED FOR THE SAME CONDITION WITHIN SIX MONTHS OF THE LAST VISIT BY</t>
  </si>
  <si>
    <t>VISIT IN OFFICE (AGE 0-1)</t>
  </si>
  <si>
    <t>COMPLETE EXAMINATION IN OFFICE (AGE 0-1)</t>
  </si>
  <si>
    <t>CONSULTATION IN OFFICE:(AGE 0-1)</t>
  </si>
  <si>
    <t>FOR A PROLONGED VISIT FOR COUNSELLING(MINIMUM TIME PER VISIT - 20 MINUTES) NOTES: I)   MSP WILL PAY FOR UP TO FOUR (4) INDIVIDUAL COUNSELLING VISITS (ANY</t>
  </si>
  <si>
    <t>ASSESSMENT FOR INDUCTION OF OPIOID AGONIST TREATMENT (OAT) FOR OPIOID USE DIS- ORDER INITIAL ASSESSMENT REQUIRES COMPLETE MEDICAL HISTORY, SUBSTANCE USE HIST- ORY AND APPROPRIATE TARGETED PHYSICAL EXAMINATION.  IF ASSESSMENT AND INDUCTION</t>
  </si>
  <si>
    <t>MANAGEMENT OF OAT INDUCTION FOR OPIOID USE DISORDER THIS FEE IN PAYABLE FOR INDIVIDUAL INTERACTIONS WITH THE PATIENT DURING THE FIRST THREE DAYS OF OAT INDUCTION FOR OPIOID USE DISORDER WITHIN THE LIMITS</t>
  </si>
  <si>
    <t>HIV/AIDS PRIMARY CARE MANAGEMENT - IN OR OUT OF OFFICE - PER HALF HOUR OR MAJOR PORTION THEREOF NOTES:</t>
  </si>
  <si>
    <t>13070</t>
  </si>
  <si>
    <t>IN OFFICE ASSESSMENT IN ASSOC WITH A WSBC SERVICE</t>
  </si>
  <si>
    <t>13075</t>
  </si>
  <si>
    <t>IN OFFICE ASSESSMENT IN ASSOC WITH A ICBC SERVICE</t>
  </si>
  <si>
    <t>MAID ASSESSMENT FEE - ASSESSOR PRESCRIBER INCLUDES ALL REQUIREMENTS OF A MAID ASSESSMENT, INCLUDING REVIEW OF MEDICAL RECORDS, PATIENT ENCOUNTER AND COMPLETION OF THE MAID ASSESSMENT RECORD</t>
  </si>
  <si>
    <t>MAID ASSESSMENT FEE - ASSESSOR INCLUDES ALL REQUIREMENTS OF A MAID ASSESSMENT, INCLUDING REVIEW OF MEDICAL RECORDS, PATIENT ENCOUNTER AND COMPLETION OF THE MAID ASSESSMENT RECORD</t>
  </si>
  <si>
    <t>PHYSICIAN WITNESS TO VIDEO CONFERENCE MAID ASSESSMENT - PATIENT ENCOUNTER PHYSICIAN MUST BE IN PERSONAL ATTENDANCE WITH THE PATIENT FOR THE DURATION OF THE PATIENT ENCOUNTER WITH THE ASSESSOR OR ASSESSOR PRESCRIBER.  BILLABLE ONLY</t>
  </si>
  <si>
    <t>GENERAL PRACTICE GROUP MEDICAL VISITS FEE PER PATIENT, PER 1/2 HOUR OR MAJOR PORTION THEREOF: THREE PATIENTS</t>
  </si>
  <si>
    <t>GENERAL PRACTICE GROUP MEDICAL VISITS FEE PER PATIENT, PER 1/2 HOUR OR MAJOR PORTION THEREOF: FOUR PATIENTS</t>
  </si>
  <si>
    <t>GENERAL PRACTICE GROUP MEDICAL VISITS FEE PER PATIENT, PER 1/2 HOUR OR MAJOR PORTION THEREOF: FIVE PATIENTS</t>
  </si>
  <si>
    <t>GENERAL PRACTICE GROUP MEDICAL VISITS FEE PER PATIENT, PER 1/2 HOUR OR MAJOR PORTION THEREOF: SIX PATIENTS</t>
  </si>
  <si>
    <t>GENERAL PRACTICE GROUP MEDICAL VISITS FEE PER PATIENT, PER 1/2 HOUR OR MAJOR PORTION THEREOF: SEVEN PATIENTS</t>
  </si>
  <si>
    <t>GENERAL PRACTICE GROUP MEDICAL VISITS FEE PER PATIENT, PER 1/2 HOUR OR MAJOR PORTION THEREOF: EIGHT PATIENTS</t>
  </si>
  <si>
    <t>GENERAL PRACTICE GROUP MEDICAL VISITS FEE PER PATIENT, PER 1/2 HOUR OR MAJOR PORTION THEREOF: NINE PATIENTS</t>
  </si>
  <si>
    <t>GENERAL PRACTICE GROUP MEDICAL VISITS FEE PER PATIENT, PER 1/2 HOUR OR MAJOR PORTION THEREOF: TEN PATIENTS</t>
  </si>
  <si>
    <t>GENERAL PRACTICE GROUP MEDICAL VISITS FEE PER PATIENT, PER 1/2 HOUR OR MAJOR PORTION THEREOF: ELEVEN PATIENTS</t>
  </si>
  <si>
    <t>GENERAL PRACTICE GROUP MEDICAL VISITS FEE PER PATIENT, PER 1/2 HOUR OR MAJOR PORTION THEREOF: TWELVE PATIENTS</t>
  </si>
  <si>
    <t>GENERAL PRACTICE GROUP MEDICAL VISITS FEE PER PATIENT, PER 1/2 HOUR OR MAJOR PORTION THEREOF: THIRTEEN PATIENTS</t>
  </si>
  <si>
    <t>GENERAL PRACTICE GROUP MEDICAL VISITS FEE PER PATIENT, PER 1/2 HOUR OR MAJOR PORTION THEREOF: FOURTEEN PATIENTS</t>
  </si>
  <si>
    <t>GENERAL PRACTICE GROUP MEDICAL VISITS FEE PER PATIENT, PER 1/2 HOUR OR MAJOR PORTION THEREOF: FIFTEEN PATIENTS</t>
  </si>
  <si>
    <t>GENERAL PRACTICE GROUP MEDICAL VISITS FEE PER PATIENT, PER 1/2 HOUR OR MAJOR PORTION THEREOF: SIXTEEN PATIENTS</t>
  </si>
  <si>
    <t>GENERAL PRACTICE GROUP MEDICAL VISITS FEE PER PATIENT, PER 1/2 HOUR OR MAJOR PORTION THEREOF: SEVENTEEN PATIENTS</t>
  </si>
  <si>
    <t>GENERAL PRACTICE GROUP MEDICAL VISITS FEE PER PATIENT, PER 1/2 HOUR OR MAJOR PORTION THEREOF: EIGHTEEN PATIENTS</t>
  </si>
  <si>
    <t>GENERAL PRACTICE GROUP MEDICAL VISITS FEE PER PATIENT, PER 1/2 HOUR OR MAJOR PORTION THEREOF: NINETEEN PATIENTS</t>
  </si>
  <si>
    <t>GENERAL PRACTICE GROUP MEDICAL VISITS FEE PER PATIENT, PER 1/2 HOUR OR MAJOR PORTION THEREOF: TWENTY PATIENTS</t>
  </si>
  <si>
    <t>GENERAL PRACTICE GROUP MEDICAL VISITS FEE PER PATIENT, PER 1/2 HOUR OR MAJOR PORTION THEREOF: GREATER THAN TWENTY (PER PATIENT)</t>
  </si>
  <si>
    <t>GP MENTAL HEALTH MANAGEMENT FEE AGE 2-49 THESE FEES ARE PAYABLE FOR PROLONGED COUNCELLING VISITS (MINIMUM TIME 20 MINS) WITH PATIENT ON WHOM A MENTAL HEALTH PLANNING FEE 14043 HAS BEEN SUCCESSFULLY</t>
  </si>
  <si>
    <t>GP MENTAL HEALTH MANAGEMENT FEE AGE 50-59 THESE FEES ARE PAYABLE FOR PROLONGED COUNSELLING VISITS (MINIMUM TIME 20 MINUTES)WITH PATIENT ON WHOM A MENTAL HEALTH PLANNING FEE G14043 HAS BEEN SUCC</t>
  </si>
  <si>
    <t>GP MENTAL HEALTH MANAGEMENT FEE AGE 60-69 THESE FEES ARE PAYABLE FOR PROLONGED COUNSELLING VISITS (MINIMUM TIME 20 MINUTES)WITH PATIENT ON WHOM A MENTAL HEALTH PLANNING FEE G14043 HAS BEEN</t>
  </si>
  <si>
    <t>GP MENTAL HEALTH MANAGEMENT FEE AGE 70-79 THESE FEES ARE PAYABLE FOR PROLONGED COUNSELLING VISITS (MINIMUM TIME 20 MINUTES WITH PATIENT ON WHOM A MENTAL HEALTH PLANNING FEE 14043 HAS BEEN SUCCES</t>
  </si>
  <si>
    <t>GP MENTAL HEALTH MANAGEMENT FEE AGE 80+ THESE FEES ARE PAYABLE FOR PROLONGED COUNSELLING VISITS (MINIMUM TIME 20 MINS) WITH PATIENTS ON WHOM A MENTAL HEALTH PLANNING FEE 14043 HAS BEEN SUCCESSFULLY</t>
  </si>
  <si>
    <t>PRENATAL VISIT - COMPLETE EXAMINATION</t>
  </si>
  <si>
    <t>PRENATAL VISIT - SUBSEQUENT EXAMINATION NOTES: I)  UNCOMPLICATED PRE-NATAL CARE USUALLY INCLUDES A COMPLETE EXAMINATION</t>
  </si>
  <si>
    <t>POSTNATAL OFFICE VISIT NOTES I) P14094 MAY BE BILLED IN THE SIX WEEKS FOLLOWING DELIVERY(VAGINAL OR</t>
  </si>
  <si>
    <t>14545</t>
  </si>
  <si>
    <t>MEDICAL ABORTION</t>
  </si>
  <si>
    <t>ROUTINE PELVIC EXAMINATION INCLUDING PAPANICOLAOU SMEAR</t>
  </si>
  <si>
    <t>VISIT IN OFFICE (AGE 50-59)</t>
  </si>
  <si>
    <t>COMPLETE EXAMINATION IN OFFICE (AGE 50-59)</t>
  </si>
  <si>
    <t>CONSULTATION IN OFFICE (AGE 50-59)</t>
  </si>
  <si>
    <t>VISIT IN OFFICE (AGE 60-69)</t>
  </si>
  <si>
    <t>COMPLETE EXAMINATION IN OFFICE (AGE 60-69)</t>
  </si>
  <si>
    <t>CONSULTATION IN OFFICE: (AGE 60-69)</t>
  </si>
  <si>
    <t>VISIT IN OFFICE (AGE 70-79)</t>
  </si>
  <si>
    <t>COMPLETE EXAMINATION IN OFFICE (AGE 70-79)</t>
  </si>
  <si>
    <t>CONSULTATION IN OFFICE: (AGE 70-79)</t>
  </si>
  <si>
    <t>VISIT IN OFFICE (AGE 80+)</t>
  </si>
  <si>
    <t>COMPLETE EXAMINATION IN OFFICE (AGE 80+)</t>
  </si>
  <si>
    <t>CONSULTATION IN OFFICE: (AGE 80+)</t>
  </si>
  <si>
    <t>LASER FOLLOW-UP VISIT NOTE: I) CAN BE BILLED ONCE ONLY DURING SIX WEEKS FOLLOWING LASER TREATMENT.</t>
  </si>
  <si>
    <t>CLINICAL IMMUNOLOGY AND ALLERGY - SUBSEQUENT OFFICE VISIT</t>
  </si>
  <si>
    <t>TO INCLUDE A DETAILED HISTORY AND PHYSICAL EXAMINATION WITH REVIEW OF LABORATOR Y INVESTIGATIONS, PLUS APPROPRIATE ALLERGY AND IMMUNOLOGY MANAGEMENT AND ADDITI ONAL VISITS NECESSARY TO RENDER A WRITTEN REPORT</t>
  </si>
  <si>
    <t>TO INCLUDE A DETAILED HISTORY AND PHYSICAL EXAMINATION WITH REVIEW OF LABORATOR Y INVESTIGATIONS, PLUS APPROPRIATE ALLEGY AND IMMUNOLOGY MANAGEMENT AND ADDITIO NAL VISITS NECESSARY TO RENDER A WRITTEN REPORT</t>
  </si>
  <si>
    <t>REPEAT OR LIMITED CLINICAL IMMUNOLOGY AND ALLERGY CONSULTATION TO APPLY WHERE A CONSULTATION IS REPEATED FOR THE SAME CONDITION WITHIN SIX MON THS OF THE LAST VISIT BY THE CONSULTANT, OR WHERE IN THE JUDGEMENT OF THE CONSU</t>
  </si>
  <si>
    <t>CONTINUING CARE BY A CONSULTANT: SUBSEQUENT OFFICE VISIT</t>
  </si>
  <si>
    <t>CONSULTATION: TO CONSIST OF EXAMINATION, REVIEW OF HISTORY, LABORATORY, X-RAY FINDINGS, AND ADDITIONAL VISITS NECESSARY TO RENDER A WRITTEN REPORT.</t>
  </si>
  <si>
    <t>REPEAT OR LIMITED CONSULTATION: WHERE A CONSULTATION FOR SAME ILLNESS IS REPEATED WITHIN SIX MONTHS OF THE LAST VISIT BY THE CONSULTANT, OR WHERE IN THE JUDGMENT OF THE CONSULTANT, THE CONSULTATIVE SERVICES DO NOT WARRANT A FULL</t>
  </si>
  <si>
    <t>PROLONGED VISIT FOR COUNSELLING (MAXIMUM, FOUR PER YEAR) NOTE: I)SEE PREAMBLE, CLAUSE D.3.3</t>
  </si>
  <si>
    <t>EXTENDED CONSULTATION-EXCEEDING 53 MINUTES (ACTUAL TIME SPENT WITH PATIENT). TO CONSIST OF EXAMINATION, REVIEW OF HISTORY, LABORATORY, X-RAY FINDINGS, NECESSARY TO INITIATE CARE</t>
  </si>
  <si>
    <t>31060</t>
  </si>
  <si>
    <t>MULTIDISCIPLINARY CONFERENCE FOR COMMUNITY PATIENT</t>
  </si>
  <si>
    <t>RESPIROLOGY - CONTINUING CARE BY CONSULTANT: SUBSEQUENT OFFICE VISIT</t>
  </si>
  <si>
    <t>RESPIROLOGY - CONSULTATION: TO CONSIST OF AN EXAMINATION, REVIEW OF HISTORY, LABORATORY, X-RAY FINDINGS, AND ADDITIONAL VISITS NECESSARY TO RENDER A WRITTEN REPORT</t>
  </si>
  <si>
    <t>RESPIROLOGY - REPEAT OR LIMITED CONSULTATION:  WHERE A FORMAL CONSULTATION FOR THE SAME ILLNESS IS REPEATED WITHIN SIX MONTHS OF THE LAST VISIT BY THE CONSULTANT, OR WHERE IN THE JUDGMENT OF THE CONSULTANT THE CONSULTATIVE SERVICE</t>
  </si>
  <si>
    <t>RESPIROLOGY - PROLONGED VISIT FOR COUNSELLING (MAXIMUM FOUR PER YEAR) NOTE: I)    SEE PREAMBLE, CLAUSE D. 3. 3.</t>
  </si>
  <si>
    <t>CONSULTATION, GENERAL INTERNAL MEDICINE CONSULTATION:  TO CONSIST OF EXAMINATION, REVIEW OF HISTORY, LABORATORY, X-RAY FINDINGS, AND ADDITIONAL VISITS NECESSARY TO RENDER A WRITTEN REPORT.</t>
  </si>
  <si>
    <t>CONSULTATION, REPEAT/LIMITED, GENERAL INTERNAL MEDICINE REPEAT OR LIMITED CONSULTATION:  WHERE A CONSULTATION FOR SAME ILLNESS IS REPEATED WITHIN SIX MONTHS OF THE LAST VISIT BY THE CONSULTATION, OR WHERE</t>
  </si>
  <si>
    <t>SUBSEQUENT FOLLOW UP OFFICE VISIT COMPLEX PATIENT - 3 MEDICAL CONDITIONS NOTES: I)  PAYABLE ONLY FOR GENERAL INTERNAL MEDICINE SPECIALISTS WHO HAVE COMPLETED</t>
  </si>
  <si>
    <t>CONSULTATION - CARDIOLOGY CONSULTATION: TO CONSIST OF EXAMINATION, REVIEW OF HISTORY, LABORATORY, X-RAY FINDINGS, AND ADDITIONAL VISITS NECESSARY TO RENDER A WRITTEN REPORT.</t>
  </si>
  <si>
    <t>REPEAT OR LIMITED CONSULTATION: WHERE A CONSULTATION FOR SAME ILLNESS IS REPEAT ED WITHIN SIX MONTHS OF THE LAST VISIT BY THE CONSULTANT, OR WHERE IN THE JUDGM ENT OF THE CONSULTANT THE CONSULTATIVE SERVICES DO NOT WARRANT A FULL CONSULTAT</t>
  </si>
  <si>
    <t>COUNSELLING-GROUP-CARDIOLOGY GROUP COUNSELLING FOR GROUPS OF TWO OR MORE PATIENTS - FIRST FULL HOUR NOTE: START AND END TIMES MUST BE ENTERED IN BOTH THE BILLING CLAIMS AND THE</t>
  </si>
  <si>
    <t>COUNSELLING-PROLONGED VISIT-CARDIOLOGY PROLONGED VISIT FOR COUNSELLING (MAXIMUM, FOUR PER YEAR) NOTE:</t>
  </si>
  <si>
    <t>COUNSELLING-GROUP-CARDIOLOGY GROUP COUNSELLING FOR GROUPS OF TWO OR MORE PATIENTS - SECOND HOUR, PER 1/2 HOUR OR MAJOR PORTION THEREOF</t>
  </si>
  <si>
    <t>CONSULTATION - ENDOCRINOLOGY CONSULTATION: TO CONSIST OF EXAMINATION, REVIEW OF HISTORY, LABORATORY, X-RAY FINDINGS, AND ADDITIONAL VISITS NECESSARY TO RENDER A WRITTEN REPORT.</t>
  </si>
  <si>
    <t>COUNSELLING-GROUP-ENDOCRINOLOGY GROUP COUNSELLING FOR GROUPS OF TWO OR MORE PATIENTS - FIRST FULL HOUR NOTE: START AND END TIMES MUST BE ENTERED IN BOTH THE BILLING CLAIMS AND THE</t>
  </si>
  <si>
    <t>COUNSELLING - PROLONGED VISIT-ENDOCRINOLOGY PROLONGED VISIT FOR COUNSELLING (MAXIMUM, FOUR PER YEAR) NOTE:</t>
  </si>
  <si>
    <t>COUNSELLING-GROUP-ENDOCRINOLOGY GROUP COUNSELLING FOR GROUPS OF TWO OR MORE PATIENTS-SECOND HOUR, PER 1/2 HOUR OR MAJOR PORTION THEREOF</t>
  </si>
  <si>
    <t>CONSULTATION - GASTROENTEROLOGY CONSULTATION: TO CONSIST OF EXAMINATION, REVIEW OF HISTORY, LABORATORY, X-RAY FINDINGS, AND ADDITIONAL VISITS NECESSARY TO RENDER A WRITTEN REPORT.</t>
  </si>
  <si>
    <t>REPEAT OR LIMITED CONSULTATION: WHERE A CONSULTATION FOR SAME ILLNESS IS REPEAT ED WITHIN SIX MONTHS OF THE LAST VISIT BY THE CONSULTANT, OR WHERE IN THE JUDGM JUDGMENT OF THE CONSULTANT THE CONSULTATIVE SERVICES DO NOT WARRANT A FULL</t>
  </si>
  <si>
    <t>COUNSELLING-GROUP-GASTROENTEROLOGY GROUP COUNSELLING FOR GROUPS OF TWO OR MORE PATIENTS - FIRST FULL HOUR NOTE: START AND END TIMES MUST BE ENTERED IN BOTH THE BILLING CLAIMS AND THE</t>
  </si>
  <si>
    <t>COUNSELLING-PROLONGED VISIT-GASTROENTEROLOGY PROLONGED VISIT FOR COUNSELLING (MAXIMUM, FOUR PER YEAR) NOTE:</t>
  </si>
  <si>
    <t>COUNSELLING-GROUP-GASTROENTEROLOGY GROUP COUNSELLING FOR GROUPS OF TWO OR MORE PATIENTS-SECOND H0UR, PER 1/2 HOUR OR MAJOR PORTION THEREOF</t>
  </si>
  <si>
    <t>COMPREHENSIVE GERIATRIC CONSULTATION LIMITED TO PATIENTS AGED 65 YEARS AND OVER . TO CONSIST OF EXAMINATION, REVIEW OF HISTORY, LABORATORY, X-RAY FINDINGS, AND  ADDITIONAL VISITS NECESSARY TO RENDER A WRITTEN REPORT WHICH REFLECTS THE NECE</t>
  </si>
  <si>
    <t>GERIATRIC REASSESSMENT SUBSEQUENT TO COMPREHENSIVE CONSULTATION-LIMITED TO PATIENTS AGED 65 YEARS AND OVER NOTES:</t>
  </si>
  <si>
    <t>COMPREHENSIVE COGNITIVE CONSULTATION-FOR DEMENTIA OR COGNITIVE PROBLEMS: TO CONSIST OF EXAMINATION, REVIEW OF HISTORY, LABORATORY, X-RAY FINDINGS, AND ADDITIONSL VISITS NECESSARY TO RENDER A WRITTEN REPORT WHICH REFLECTS THE</t>
  </si>
  <si>
    <t>REPEAT OR LIMITED COMPREHENSIVE COGNITIVE ASSESSMENT-FOR DEMENTIA OR COGNITIVE PROBLEMS. NOTES:</t>
  </si>
  <si>
    <t>CONSULTATION - GERIATRIC MEDICINE CONSULTATION: TO CONSIST OF EXAMINATION, REVIEW OF HISTORY, LABORATORY, X-RAY FINDINGS, AND ADDITIONAL VISITS NECESSARY TO RENDER A WRITTEN REPORT</t>
  </si>
  <si>
    <t>COUNSELLING-GROUP-GERIATRIC MEDICINE GROUP COUNSELLING FOR GROUPS OF TWO OR MORE PATIENTS - FIRST FULL HOUR NOTE:   START AND END TIMES MUST BE ENTERED IN BOTH THE BILLING CLAIMS AND</t>
  </si>
  <si>
    <t>COUNSELLING-PROLONGED VISIT-GERIATRIC MEDICINE PROLONGED VISIT FOR COUNSELLING (MAXIMUM, FOUR PER YEAR) NOTE:</t>
  </si>
  <si>
    <t>COUNSELLING-GROUP-GERIATRIC MEDICINE GROUP COUNSELLING FOR GROUPS OF TWO OR MORE PATIENTS - SECOND HOUR, PER 1/2 HOUR OR MAJOR PORTION THEREOF</t>
  </si>
  <si>
    <t>COMPLEX CONSULTATION -  FOR 2 OR MORE CONDITIONS: TO CONSIST OF EXAMINATION REVIEW OF HISTORY, LABORATORY, X-RAY FINDINGS, AND ADDITIONAL VISITS NECESSARY TO RENDER A WRITTEN REPORT WHICH REFLECTS THE NECESSARY COMPONENTS AND COMPLEXI</t>
  </si>
  <si>
    <t>COMPLEX REPEAT OR LIMITED COMPLEX CONSULT - FOR 2 CONDITIONS: WHERE A CONSULT- ATION FOR SAME ILLNESS IS REPEATED WITHIN SIX MONTHS OF THE LAST VISIT BY THE CONSULTANT, OR WHERE IN THE JUDGEMENT OF THE CONSULTANT THE CONSULTATIVE</t>
  </si>
  <si>
    <t>COMPREHENSIVE OR COMPLEX SUBSEQUENT OFFICE VISIT NOTES: I) PAYABLE ONLY FOR GERIATRIC MEDICINE SPECIALISTS.</t>
  </si>
  <si>
    <t>CONSULTATION - HEMATOLOGY/ONCOLOGY CONSULTATION: TO CONSIST OF EXAMINATION, REVIEW OF HISTORY, LABORATORY, XRAY FINDINGS, AND ADDITIONAL VISITS NECESSARY TO RENDER A WRITTEN REPORT.</t>
  </si>
  <si>
    <t>COUNSELLING-GROUP-HEMATOLOGY/ONCOLOGY GROUP COUNSELLING FOR GROUPS OF TWO OR MORE PATIENTS - FIRST FULL HOUR</t>
  </si>
  <si>
    <t>COUNSELLING-PROLONGED VISIT-HEMATOLOGY/ONCOLOGY PROLONGED VISIT FOR COUNSELLING (MAXIMUM, FOUR PER YEAR) NOTE:</t>
  </si>
  <si>
    <t>COUNSELLING-GROUP-HEMATOLOGY/ONCOLOGY GROUP COUNSELLING FOR GROUPS OF TWO OR MORE PATIENTS-SECOND HOUR, PER 1/2 HOUR OR MAJOR PORTION THEREOF</t>
  </si>
  <si>
    <t>COMPLEX CONSULTATION: TO CONSIST OF EXAMINATION, REVIEW OF HISTORY, LABORATORY, X-RAY FINDINGS AND ADDITIONAL VISITS NECESSARY TO RENDER A WRITTEN REPORT FOR COMPLEX PATIENT</t>
  </si>
  <si>
    <t>REPEAT OR LIMITED CONSULTATION, COMPLEX PATIENT:  WHERE A CONSULTATION FOR SAME ILLNESS IS REPEATED WITHIN SIX MONTHS OF THE LAST VISIT BY THE CONSULTATION, OR WHERE IN THE JUDGMENT OF THE CONSULTANT THE CONSULTATIVE</t>
  </si>
  <si>
    <t>SUBSEQUENT OFFICE VISIT, COMPLEX PATIENT NOTES: I)   RESTRICTED TO HEMATOLOGY AND ONCOLOGY</t>
  </si>
  <si>
    <t>CONSULTATION - INFECTIOUS DISEASES CONSULTATION: TO CONSIST OF EXAMINATION, REVIEW OF HISTORY, LABORATORY, X-RAY FINDINGS, AND ADDITIONAL VISITS NECESSARY TO RENDER A WRITTEN REPORT.</t>
  </si>
  <si>
    <t>COUNSELLING - GROUP - INFECTIOUS DISEASES GROUP COUNSELLING FOR GROUPS OF TWO OR MORE PATIENTS - FIRST FULL HOUR NOTE: START AND END TIMES MUST BE ENTERED IN BOTH THE BILLING CLAIMS AND THE</t>
  </si>
  <si>
    <t>COUNSELLING-PROLONGED VISIT-INFECTIOUS DISEASES PROLONGED VISIT FOR COUNSELLING (MAXIMUM, FOUR PER YEAR) NOTE:</t>
  </si>
  <si>
    <t>COUNSELLING - GROUP INFECTIOUS DISEASES GROUP COUNSELLING FOR GROUPS OF TWO OR MORE PATIENTS - SECOND HOUR, PER 1/2 HOUR OR MAJOR PORTION THEREOF</t>
  </si>
  <si>
    <t>INFECTIONS DISEASE EXTENDED CONSULTATION FOR COMPLEX INFECTIOUS DISEASE ISSUES (ANTIBIOTIC RESISTANT ORGANISMS, OUTBREAK MANAGEMENT/INFECTION CONTROL, TROPICA L DISEAE MANAGEMENT), WHEN REQUESTED BY ANOTHER INFECTIOUS DISEASES SPECIALIST,</t>
  </si>
  <si>
    <t>INFECTIOUS DISEASE CARE MANAGEMENT OF HIV/AIDS-PER HALF HOUR - PER HALF HOUR OR MAJOR PORTION THEREOF NOTES</t>
  </si>
  <si>
    <t>CONSULTATION - NEPHROLOGY CONSULTATION: TO CONSIST OF EXAMINATION, REVIEW OF HISTORY, LABORATORY, X-RAY FINDINGS, AND ADDITIONAL VISITS NECESSARY TO RENDER A WRITTEN REPORT.</t>
  </si>
  <si>
    <t>COUNSELLING-GROUP-NEPHROLOGY GROUP COUNSELLING FOR GROUPS OF TWO OR MORE PATIENTS - FIRST FULL HOUR NOTE:   START AND END TIMES MUST BE ENTERED IN BOTH THE BILLING CLAIMS AND THE</t>
  </si>
  <si>
    <t>COUNSELLING-PROLONGED VISIT-NEPHROLOGY PROLONGED VISIT FOR COUNSELLING (MAXIMUM, FOUR PER YEAR) NOTE:</t>
  </si>
  <si>
    <t>COUNSELLING-GROUP-NEPHROLOGY GROUP COUNSELLING FOR GROUPS OF TWO OR MORE PATIENTS-SECOND HOUR, PER 1/2 HOUR OR MAJOR PORTION THEREOF</t>
  </si>
  <si>
    <t>VISIT-OFFICE-OCCUPATIONAL MEDICINE CONTINUING CARE BY CONSULTANT: SUBSEQUENT OFFICE VISIT</t>
  </si>
  <si>
    <t>CONSULTATION-OCCUPATIONAL MEDICINE CONSULTATION: TO CONSIST OF EXAMINATION, REVIEW OF HISTORY, LABORATORY, X-RAY FINDINGS, AND ADDITIONAL VISITS NECESSARY TO RENDER A WRITTEN REPORT.</t>
  </si>
  <si>
    <t>ORTHOPEDICS PRE-OPERATIVE ASSESSMENT NOTES:</t>
  </si>
  <si>
    <t>ORTHOPAEDIC OFFICE VISIT</t>
  </si>
  <si>
    <t>CONSULTATION:  (IN OFFICE OR HOSPITAL) TO INCLUDE A HISTORY AND PHYSICAL EXAMINATION, REVIEW OF X-RAY AND LABORATORY FINDINGS, AND A WRITTEN REPORT</t>
  </si>
  <si>
    <t>REPEAT OR LIMITED CONSULTATION:  TO APPLY WHERE A CONSULTATION IS REPEATED FOR SAME CONDITION WITHIN SIX MONTHS OF THE LAST VISIT BY THE CONSULTANT, OR WHERE, IN THE JUDGMENT OF THE CONSULTANT, THE CONSULTATIVE SERVICE DOES NOT</t>
  </si>
  <si>
    <t>ORTHOPAEDIC SPECIAL CONSULTATION: EXTENDED CONSULT FOR COMPLEX PROBLEMS (I.E. ONCOLOGY, COMPLEX TRAUMA, ADULT CEREBRAL PALSY, ETC.), WHEN REQUESTED BY ANOTHER ORTHOPAEDIC SURGEON, NEUROSURGEON, PLASTIC SURGEON OR REHABILITATION</t>
  </si>
  <si>
    <t>PLASTIC SURGERY PRE-OPERATIVE ASSESSMENT NOTES:</t>
  </si>
  <si>
    <t>COMPLEX CONSULTATION FOR MANAGEMENT OF MALIGNANCY</t>
  </si>
  <si>
    <t>GENERAL SURGERY PRE-OPERATIVE ASSESSMENT NOTES:</t>
  </si>
  <si>
    <t>SPECIAL OFFICE VISIT FOR NEW DIAGNOSIS OR RECURRENT MALIGNANCY NOTES: I)   PAYABLE ONLY TO THE GENERAL SURGEON WHO IS THE MOST RESPONSIBLE PHYSICIAN</t>
  </si>
  <si>
    <t>CONSULTATION - VASCULAR SURGERY TO INCLUDE COMPLETE HISTORY AND PHYSICAL EXAMINATION, REVIEW OF X-RAY AND LABORATORY FINDINGS, IF REQUIRED, AND WRITTEN REPORT</t>
  </si>
  <si>
    <t>REPEAT OR LIMITED CONSULTATION - VASCULAR SURGERY TO APPLY WHERE A CONSULTATION IS REPEATED FOR THE SAME CONDITION WITHIN SIX MONTHS OF THE LAST VISIT BY THE CONSULTANT, OR WHERE IN THE JUDGMENT OF THE</t>
  </si>
  <si>
    <t>VASCULAR SURGERY PRE-OPERATIVE ASSESSMENT NOTES:</t>
  </si>
  <si>
    <t>SPECIALIST GROUP MEDICAL VISITS FEE PER PATIENT PER 1/2 HOUR: 3 PATIENTS A GROUP MEDICAL VISIT (GMV) PROVIDES MEDICAL CARE IN A GROUP SETTING.  A</t>
  </si>
  <si>
    <t>SPECIALIST GROUP MEDICAL VISITS FEE PER PATIENT PER 1/2 HOUR:  FOUR PATIENTS A GROUP MEDICAL VISIT (GMV) PROVIDES MEDICAL CARE IN A GROUP SETTING.  A</t>
  </si>
  <si>
    <t>SPECIALIST GROUP MEDICAL VISITS FEE PER PATIENT PER 1/2 HOUR:  FIVE PATIENTS A GROUP MEDICAL VISIT (GMV) PROVIDES MEDICAL CARE IN A GROUP SETTING.  A</t>
  </si>
  <si>
    <t>SPECIALIST GROUP MEDICAL VISITS FEE PER PATIENT PER 1/2 HOUR:  SIX PATIENTS A GROUP MEDICAL VISIT (GMV) PROVIDES MEDICAL CARE IN A GROUP SETTING.  A</t>
  </si>
  <si>
    <t>SPECIALIST GROUP MEDICAL VISITS FEE PER PATIENT PER 1/2 HOUR:  SEVEN PATIENTS A GROUP MEDICAL VISIT (GMV) PROVIDES MEDICAL CARE IN A GROUP SETTING.  A</t>
  </si>
  <si>
    <t>SPECIALIST GROUP MEDICAL VISITS FEE PER PATIENT PER 1/2 HOUR:   EIGHT PATIENTS A GROUP MEDICAL VISIT (GMV) PROVIDES MEDICAL CARE IN A GROUP SETTING.  A</t>
  </si>
  <si>
    <t>SPECIALIST GROUP MEDICAL VISITS FEE PER PATIENT PER 1/2 HOUR:  NINE PATIENTS A GROUP MEDICAL VISIT (GMV) PROVIDES MEDICAL CARE IN A GROUP SETTING.  A</t>
  </si>
  <si>
    <t>SPECIALIST GROUP MEDICAL VISITS FEE PER PATIENT PER 1/2 HOUR:  TEN PATIENTS A GROUP MEDICAL VISIT (GMV) PROVIDES MEDICAL CARE IN A GROUP SETTING.  A</t>
  </si>
  <si>
    <t>SPECIALIST GROUP MEDICAL VISITS FEE PER PATIENT PER 1/2 HOUR:  ELEVEN PATIENTS A GROUP MEDICAL VISIT (GMV) PROVIDES MEDICAL CARE IN A GROUP SETTING.  A</t>
  </si>
  <si>
    <t>SPECIALIST GROUP MEDICAL VISITS FEE PER PATIENT PER 1/2 HOUR:  TWELVE PATIENTS A GROUP MEDICAL VISIT (GMV) PROVIDES MEDICAL CARE IN A GROUP SETTING.  A</t>
  </si>
  <si>
    <t>SPECIALIST GROUP MEDICAL VISITS FEE PER PATIENT PER 1/2 HOUR:  THIRTEEN PATIENTS A GROUP MEDICAL VISIT (GMV) PROVIDES MEDICAL CARE IN A GROUP SETTING.  A</t>
  </si>
  <si>
    <t>SPECIALIST GROUP MEDICAL VISITS FEE PER PATIENT PER 1/2 HOUR:  FOURTEEN-PATIENTS A GROUP MEDICAL VISIT (GMV) PROVIDES MEDICAL CARE IN A GROUP SETTING.  A</t>
  </si>
  <si>
    <t>SPECIALIST GROUP MEDICAL VISITS FEE PER PATIENT PER 1/2 HOUR:  FIFTEEN PATIENTS A GROUP MEDICAL VISIT (GMV) PROVIDES MEDICAL CARE IN A GROUP SETTING.  A</t>
  </si>
  <si>
    <t>SPECIALIST GROUP MEDICAL VISITS FEE PER PATIENT PER 1/2 HOUR:  SIXTEEN PATIENTS A GROUP MEDICAL VISIT (GMV) PROVIDES MEDICAL CARE IN A GROUP SETTING.  A</t>
  </si>
  <si>
    <t>SPECIALIST GROUP MEDICAL VISITS FEE PER PATIENT PER 1/2 HOUR:  SEVENTEEN PATIENTS A GROUP MEDICAL VISIT (GMV) PROVIDES MEDICAL CARE IN A GROUP SETTING.  A</t>
  </si>
  <si>
    <t>SPECIALIST GROUP MEDICAL VISITS FEE PER PATIENT PER 1/2 HOUR:  EIGHTEEN PATIENTS A GROUP MEDICAL VISIT (GMV) PROVIDES MEDICAL CARE IN A GROUP SETTING.  A</t>
  </si>
  <si>
    <t>SPECIALIST GROUP MEDICAL VISITS FEE PER PATIENT PER 1/2 HOUR:  NINETEEN PATIENTS A GROUP MEDICAL VISIT (GMV) PROVIDES MEDICAL CARE IN A GROUP SETTING.  A</t>
  </si>
  <si>
    <t>SPECIALIST GROUP MEDICAL VISITS FEE PER PATIENT PER 1/2 HOUR:  TWENTY PATIENTS A GROUP MEDICAL VISIT (GMV) PROVIDES MEDICAL CARE IN A GROUP SETTING.  A</t>
  </si>
  <si>
    <t>SPECIALIST GROUP MEDICAL VISITS FEE PER PATIENT PER 1/2 HOUR:  GREATER THAN TWENTY PATIENTS A GROUP MEDICAL VISIT (GMV) PROVIDES MEDICAL CARE IN A GROUP SETTING.  A</t>
  </si>
  <si>
    <t>SUBSEQUENT OFFICE VISIT - THORACIC SURGERY</t>
  </si>
  <si>
    <t>CONSULTATION - THORACIC SURGERY TO INCLUDE COMPLETE HISTORY AND PHYSICAL EXAMINATION, REVIEW OF X-RAY AND LABORATORY FINDINGS, IF REQUIRED, AND WRITTEN REPORT</t>
  </si>
  <si>
    <t>REPEAT OR LIMITED CONSULTATION - THORACIC SURGERY TO APPLY WHERE A CONSULTATION IS REPEATED FOR THE SAME CONDITION WITHIN SIX MONTHS OF THE LAST VISIT BY THE CONSULTANT, OR WHERE IN THE JUDGMENT OF THE</t>
  </si>
  <si>
    <t>INTERVENTIONAL RADIOLOGY CONSULTATION - TO INCLUDE PERTINENT PATIENT HISTORY, REGIONAL PHYSICAL EXAMINATION, REVIEW OF LABORATORY AND RADIOLOGICAL FINDINGS AND GENERATION OF A WRITTEN REPORT.</t>
  </si>
  <si>
    <t>LABORATORY MEDICINE, SUBSEQUENT OFFICE VISIT</t>
  </si>
  <si>
    <t>CONSULTATION:  TO CONSIST OF EXAMINATION, REVIEW OF HISTORY AND LABORATORY FINDINGS WITH A WRITTEN REPORT</t>
  </si>
  <si>
    <t>REPEAT OR LIMITED CONSULTATION: WHERE A CONSULTATION FOR SAME ILLNESS IS REPEATED WITHIN SIX (6) MONTHS OF THE LAST VISIT BY</t>
  </si>
  <si>
    <t>04717</t>
  </si>
  <si>
    <t>Section</t>
  </si>
  <si>
    <t>General Practice</t>
  </si>
  <si>
    <t>Dermatology</t>
  </si>
  <si>
    <t>General Internal Medicine</t>
  </si>
  <si>
    <t>Internal Medicine</t>
  </si>
  <si>
    <t>Neurology</t>
  </si>
  <si>
    <t>Pediatrics</t>
  </si>
  <si>
    <t>Psychiatry</t>
  </si>
  <si>
    <t>Pyschiatry</t>
  </si>
  <si>
    <t>Anesthesiology</t>
  </si>
  <si>
    <t>Critical Care</t>
  </si>
  <si>
    <t>Physical Medicine &amp; Rehab</t>
  </si>
  <si>
    <t>Ophthalomology</t>
  </si>
  <si>
    <t>Otolaryngology</t>
  </si>
  <si>
    <t>Neurosurgery</t>
  </si>
  <si>
    <t>Obstetrics and Gynecology</t>
  </si>
  <si>
    <t>Plastic Surgery</t>
  </si>
  <si>
    <t>General Surgery</t>
  </si>
  <si>
    <t>Cardiac Surgery</t>
  </si>
  <si>
    <t>Urology</t>
  </si>
  <si>
    <t>Allergy and Immunology</t>
  </si>
  <si>
    <t>Rheumatology</t>
  </si>
  <si>
    <t>Respirology</t>
  </si>
  <si>
    <t>Cardiology</t>
  </si>
  <si>
    <t>Endocrinology and Metabolism</t>
  </si>
  <si>
    <t>Gastroenterology</t>
  </si>
  <si>
    <t>Geriatric Medicine</t>
  </si>
  <si>
    <t>Hematology/Medical Oncology</t>
  </si>
  <si>
    <t>Infectious Diseases</t>
  </si>
  <si>
    <t>Nephrology</t>
  </si>
  <si>
    <t>Occupational Medicine</t>
  </si>
  <si>
    <t>Orthopedics</t>
  </si>
  <si>
    <t>Vascular Surgery</t>
  </si>
  <si>
    <t>Specialist Services Committee</t>
  </si>
  <si>
    <t>Chest Surgery</t>
  </si>
  <si>
    <t>Radiology</t>
  </si>
  <si>
    <t>Laboratory Medicine</t>
  </si>
  <si>
    <t>General Practice Services Committ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Calibri"/>
      <family val="2"/>
      <scheme val="minor"/>
    </font>
    <font>
      <b/>
      <sz val="11"/>
      <color theme="1"/>
      <name val="Calibri"/>
      <family val="2"/>
      <scheme val="minor"/>
    </font>
    <font>
      <b/>
      <sz val="16"/>
      <color theme="1"/>
      <name val="Calibri"/>
      <family val="2"/>
      <scheme val="minor"/>
    </font>
    <font>
      <sz val="11"/>
      <name val="Calibri"/>
      <family val="2"/>
      <scheme val="minor"/>
    </font>
    <font>
      <sz val="11"/>
      <color theme="1"/>
      <name val="Calibri"/>
      <scheme val="minor"/>
    </font>
  </fonts>
  <fills count="3">
    <fill>
      <patternFill patternType="none"/>
    </fill>
    <fill>
      <patternFill patternType="gray125"/>
    </fill>
    <fill>
      <patternFill patternType="solid">
        <fgColor theme="6" tint="-0.249977111117893"/>
        <bgColor indexed="64"/>
      </patternFill>
    </fill>
  </fills>
  <borders count="9">
    <border>
      <left/>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s>
  <cellStyleXfs count="1">
    <xf numFmtId="0" fontId="0" fillId="0" borderId="0"/>
  </cellStyleXfs>
  <cellXfs count="35">
    <xf numFmtId="0" fontId="0" fillId="0" borderId="0" xfId="0"/>
    <xf numFmtId="0" fontId="2" fillId="0" borderId="0" xfId="0" applyFont="1" applyAlignment="1">
      <alignment vertical="top"/>
    </xf>
    <xf numFmtId="0" fontId="0" fillId="0" borderId="0" xfId="0" applyAlignment="1">
      <alignment horizontal="left" wrapText="1"/>
    </xf>
    <xf numFmtId="0" fontId="1" fillId="2" borderId="1" xfId="0" applyFont="1" applyFill="1" applyBorder="1" applyAlignment="1">
      <alignment horizontal="center"/>
    </xf>
    <xf numFmtId="0" fontId="1" fillId="2" borderId="2" xfId="0" applyFont="1" applyFill="1" applyBorder="1" applyAlignment="1">
      <alignment horizontal="left" wrapText="1"/>
    </xf>
    <xf numFmtId="49" fontId="0" fillId="0" borderId="3" xfId="0" applyNumberFormat="1" applyFont="1" applyFill="1" applyBorder="1" applyAlignment="1">
      <alignment horizontal="center" wrapText="1"/>
    </xf>
    <xf numFmtId="0" fontId="0" fillId="0" borderId="4" xfId="0" applyFont="1" applyFill="1" applyBorder="1" applyAlignment="1">
      <alignment horizontal="left" wrapText="1"/>
    </xf>
    <xf numFmtId="49" fontId="3" fillId="0" borderId="3" xfId="0" applyNumberFormat="1" applyFont="1" applyFill="1" applyBorder="1" applyAlignment="1">
      <alignment horizontal="center" wrapText="1"/>
    </xf>
    <xf numFmtId="49" fontId="0" fillId="0" borderId="3" xfId="0" applyNumberFormat="1" applyFill="1" applyBorder="1" applyAlignment="1">
      <alignment horizontal="center" wrapText="1"/>
    </xf>
    <xf numFmtId="0" fontId="0" fillId="0" borderId="4" xfId="0" applyFill="1" applyBorder="1" applyAlignment="1">
      <alignment horizontal="left" wrapText="1"/>
    </xf>
    <xf numFmtId="0" fontId="0" fillId="0" borderId="3" xfId="0" applyFill="1" applyBorder="1" applyAlignment="1">
      <alignment horizontal="left" wrapText="1"/>
    </xf>
    <xf numFmtId="49" fontId="0" fillId="0" borderId="5" xfId="0" applyNumberFormat="1" applyFill="1" applyBorder="1" applyAlignment="1">
      <alignment horizontal="center" wrapText="1"/>
    </xf>
    <xf numFmtId="0" fontId="0" fillId="0" borderId="6" xfId="0" applyFill="1" applyBorder="1" applyAlignment="1">
      <alignment horizontal="left" wrapText="1"/>
    </xf>
    <xf numFmtId="49" fontId="0" fillId="0" borderId="7" xfId="0" applyNumberFormat="1" applyFill="1" applyBorder="1" applyAlignment="1">
      <alignment horizontal="center" wrapText="1"/>
    </xf>
    <xf numFmtId="0" fontId="0" fillId="0" borderId="0" xfId="0" applyBorder="1"/>
    <xf numFmtId="49" fontId="0" fillId="0" borderId="1" xfId="0" applyNumberFormat="1" applyFill="1" applyBorder="1" applyAlignment="1">
      <alignment horizontal="center" wrapText="1"/>
    </xf>
    <xf numFmtId="0" fontId="0" fillId="0" borderId="2" xfId="0" applyFill="1" applyBorder="1" applyAlignment="1">
      <alignment horizontal="left" wrapText="1"/>
    </xf>
    <xf numFmtId="0" fontId="4" fillId="0" borderId="4" xfId="0" applyFont="1" applyFill="1" applyBorder="1" applyAlignment="1">
      <alignment horizontal="left" wrapText="1"/>
    </xf>
    <xf numFmtId="0" fontId="0" fillId="0" borderId="1" xfId="0" applyFill="1" applyBorder="1" applyAlignment="1">
      <alignment horizontal="left" wrapText="1"/>
    </xf>
    <xf numFmtId="49" fontId="3" fillId="0" borderId="7" xfId="0" applyNumberFormat="1" applyFont="1" applyFill="1" applyBorder="1" applyAlignment="1">
      <alignment horizontal="center" wrapText="1"/>
    </xf>
    <xf numFmtId="0" fontId="4" fillId="0" borderId="3" xfId="0" applyFont="1" applyFill="1" applyBorder="1" applyAlignment="1">
      <alignment horizontal="left" wrapText="1"/>
    </xf>
    <xf numFmtId="0" fontId="0" fillId="0" borderId="3" xfId="0" applyFont="1" applyFill="1" applyBorder="1" applyAlignment="1">
      <alignment horizontal="left" wrapText="1"/>
    </xf>
    <xf numFmtId="0" fontId="0" fillId="0" borderId="5" xfId="0" applyFill="1" applyBorder="1" applyAlignment="1">
      <alignment horizontal="left" wrapText="1"/>
    </xf>
    <xf numFmtId="0" fontId="0" fillId="0" borderId="0" xfId="0" applyAlignment="1">
      <alignment horizontal="center"/>
    </xf>
    <xf numFmtId="0" fontId="1" fillId="2" borderId="2" xfId="0" applyFont="1" applyFill="1" applyBorder="1" applyAlignment="1">
      <alignment horizontal="center"/>
    </xf>
    <xf numFmtId="0" fontId="0" fillId="0" borderId="4" xfId="0" applyFill="1" applyBorder="1" applyAlignment="1">
      <alignment horizontal="center"/>
    </xf>
    <xf numFmtId="0" fontId="0" fillId="0" borderId="3" xfId="0" applyFill="1" applyBorder="1" applyAlignment="1">
      <alignment horizontal="center"/>
    </xf>
    <xf numFmtId="0" fontId="0" fillId="0" borderId="6" xfId="0" applyFill="1" applyBorder="1" applyAlignment="1">
      <alignment horizontal="center"/>
    </xf>
    <xf numFmtId="0" fontId="0" fillId="0" borderId="7" xfId="0" applyFill="1" applyBorder="1" applyAlignment="1">
      <alignment horizontal="center"/>
    </xf>
    <xf numFmtId="0" fontId="0" fillId="0" borderId="2" xfId="0" applyFill="1" applyBorder="1" applyAlignment="1">
      <alignment horizontal="center"/>
    </xf>
    <xf numFmtId="0" fontId="0" fillId="0" borderId="4" xfId="0" applyFont="1" applyFill="1" applyBorder="1" applyAlignment="1">
      <alignment horizontal="center"/>
    </xf>
    <xf numFmtId="0" fontId="0" fillId="0" borderId="8" xfId="0" applyFill="1" applyBorder="1" applyAlignment="1">
      <alignment horizontal="center"/>
    </xf>
    <xf numFmtId="0" fontId="0" fillId="0" borderId="1" xfId="0" applyFill="1" applyBorder="1" applyAlignment="1">
      <alignment horizontal="center"/>
    </xf>
    <xf numFmtId="0" fontId="0" fillId="0" borderId="5" xfId="0" applyFill="1" applyBorder="1" applyAlignment="1">
      <alignment horizontal="center"/>
    </xf>
    <xf numFmtId="0" fontId="0" fillId="0" borderId="8" xfId="0" applyFill="1" applyBorder="1" applyAlignment="1">
      <alignment horizontal="center" wrapText="1"/>
    </xf>
  </cellXfs>
  <cellStyles count="1">
    <cellStyle name="Normal" xfId="0" builtinId="0"/>
  </cellStyles>
  <dxfs count="7">
    <dxf>
      <fill>
        <patternFill patternType="none">
          <bgColor auto="1"/>
        </patternFill>
      </fill>
      <alignment horizontal="left" vertical="bottom" textRotation="0" wrapText="1" indent="0" justifyLastLine="0" shrinkToFit="0" readingOrder="0"/>
      <border diagonalUp="0" diagonalDown="0" outline="0">
        <left style="thin">
          <color indexed="64"/>
        </left>
        <right/>
        <top style="thin">
          <color indexed="64"/>
        </top>
        <bottom style="thin">
          <color indexed="64"/>
        </bottom>
      </border>
    </dxf>
    <dxf>
      <numFmt numFmtId="30" formatCode="@"/>
      <fill>
        <patternFill patternType="none">
          <fgColor indexed="64"/>
          <bgColor indexed="65"/>
        </patternFill>
      </fill>
      <alignment horizontal="center" vertical="bottom" textRotation="0" wrapText="1" indent="0" justifyLastLine="0" shrinkToFit="0" readingOrder="0"/>
      <border diagonalUp="0" diagonalDown="0">
        <left style="thin">
          <color indexed="64"/>
        </left>
        <right/>
        <top style="thin">
          <color indexed="64"/>
        </top>
        <bottom style="thin">
          <color indexed="64"/>
        </bottom>
        <vertical/>
        <horizontal/>
      </border>
    </dxf>
    <dxf>
      <numFmt numFmtId="30" formatCode="@"/>
      <fill>
        <patternFill patternType="none">
          <bgColor auto="1"/>
        </patternFill>
      </fill>
      <alignment horizontal="center" vertical="bottom" textRotation="0" wrapText="1" indent="0" justifyLastLine="0" shrinkToFit="0" readingOrder="0"/>
      <border diagonalUp="0" diagonalDown="0" outline="0">
        <left style="thin">
          <color indexed="64"/>
        </left>
        <right style="thin">
          <color indexed="64"/>
        </right>
        <top style="thin">
          <color indexed="64"/>
        </top>
        <bottom style="thin">
          <color indexed="64"/>
        </bottom>
      </border>
    </dxf>
    <dxf>
      <border outline="0">
        <left style="thin">
          <color rgb="FF000000"/>
        </left>
        <right style="thin">
          <color rgb="FF000000"/>
        </right>
        <top style="thin">
          <color rgb="FF000000"/>
        </top>
        <bottom style="thin">
          <color rgb="FF000000"/>
        </bottom>
      </border>
    </dxf>
    <dxf>
      <fill>
        <patternFill patternType="none">
          <bgColor auto="1"/>
        </patternFill>
      </fill>
      <alignment vertical="bottom" textRotation="0" wrapText="1" indent="0" justifyLastLine="0" shrinkToFit="0" readingOrder="0"/>
    </dxf>
    <dxf>
      <border outline="0">
        <bottom style="thin">
          <color rgb="FF000000"/>
        </bottom>
      </border>
    </dxf>
    <dxf>
      <font>
        <b/>
        <i val="0"/>
        <strike val="0"/>
        <condense val="0"/>
        <extend val="0"/>
        <outline val="0"/>
        <shadow val="0"/>
        <u val="none"/>
        <vertAlign val="baseline"/>
        <sz val="11"/>
        <color theme="1"/>
        <name val="Calibri"/>
        <scheme val="minor"/>
      </font>
      <fill>
        <patternFill patternType="solid">
          <fgColor indexed="64"/>
          <bgColor theme="6" tint="-0.249977111117893"/>
        </patternFill>
      </fill>
      <alignment horizontal="general" vertical="top" textRotation="0" wrapText="0" indent="0" justifyLastLine="0" shrinkToFit="0" readingOrder="0"/>
      <border diagonalUp="0" diagonalDown="0" outline="0">
        <left style="thin">
          <color indexed="64"/>
        </left>
        <right style="thin">
          <color indexed="64"/>
        </right>
        <top/>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F0A64803-33F4-4E53-B151-AEE77FD0DABA}" name="Table132" displayName="Table132" ref="B3:D309" totalsRowShown="0" headerRowDxfId="6" dataDxfId="4" headerRowBorderDxfId="5" tableBorderDxfId="3">
  <autoFilter ref="B3:D309" xr:uid="{00000000-0009-0000-0100-000002000000}"/>
  <sortState xmlns:xlrd2="http://schemas.microsoft.com/office/spreadsheetml/2017/richdata2" ref="B4:D309">
    <sortCondition ref="B4:B309"/>
  </sortState>
  <tableColumns count="3">
    <tableColumn id="5" xr3:uid="{2D72F277-FED9-4854-89FF-263A576E7703}" name="Fee Item" dataDxfId="2"/>
    <tableColumn id="1" xr3:uid="{5FB21359-67DD-4AF6-951F-3CAADC68E598}" name="Section" dataDxfId="1"/>
    <tableColumn id="6" xr3:uid="{FD33626D-1419-4C13-9408-786170E04505}" name="Fee Item Description" dataDxfId="0"/>
  </tableColumns>
  <tableStyleInfo name="TableStyleMedium9" showFirstColumn="0" showLastColumn="0" showRowStripes="1" showColumnStripes="0"/>
</table>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D0988ED-86C1-460A-AC2D-DA3ACE92E204}">
  <dimension ref="B1:D309"/>
  <sheetViews>
    <sheetView tabSelected="1" topLeftCell="B293" workbookViewId="0">
      <selection activeCell="B4" sqref="B4:B309"/>
    </sheetView>
  </sheetViews>
  <sheetFormatPr defaultColWidth="9.140625" defaultRowHeight="15" x14ac:dyDescent="0.25"/>
  <cols>
    <col min="1" max="1" width="5.140625" customWidth="1"/>
    <col min="2" max="2" width="22" style="23" customWidth="1"/>
    <col min="3" max="3" width="28.85546875" style="23" bestFit="1" customWidth="1"/>
    <col min="4" max="4" width="81.140625" style="2" customWidth="1"/>
    <col min="5" max="5" width="22.140625" customWidth="1"/>
  </cols>
  <sheetData>
    <row r="1" spans="2:4" ht="21" x14ac:dyDescent="0.25">
      <c r="B1" s="1" t="s">
        <v>0</v>
      </c>
      <c r="C1" s="1"/>
    </row>
    <row r="3" spans="2:4" x14ac:dyDescent="0.25">
      <c r="B3" s="3" t="s">
        <v>1</v>
      </c>
      <c r="C3" s="24" t="s">
        <v>418</v>
      </c>
      <c r="D3" s="4" t="s">
        <v>2</v>
      </c>
    </row>
    <row r="4" spans="2:4" x14ac:dyDescent="0.25">
      <c r="B4" s="5" t="s">
        <v>3</v>
      </c>
      <c r="C4" s="25" t="s">
        <v>419</v>
      </c>
      <c r="D4" s="6" t="s">
        <v>4</v>
      </c>
    </row>
    <row r="5" spans="2:4" x14ac:dyDescent="0.25">
      <c r="B5" s="7" t="s">
        <v>5</v>
      </c>
      <c r="C5" s="25" t="s">
        <v>419</v>
      </c>
      <c r="D5" s="6" t="s">
        <v>6</v>
      </c>
    </row>
    <row r="6" spans="2:4" ht="45" x14ac:dyDescent="0.25">
      <c r="B6" s="8" t="s">
        <v>7</v>
      </c>
      <c r="C6" s="25" t="s">
        <v>419</v>
      </c>
      <c r="D6" s="9" t="s">
        <v>8</v>
      </c>
    </row>
    <row r="7" spans="2:4" ht="45" x14ac:dyDescent="0.25">
      <c r="B7" s="8" t="s">
        <v>9</v>
      </c>
      <c r="C7" s="25" t="s">
        <v>419</v>
      </c>
      <c r="D7" s="10" t="s">
        <v>10</v>
      </c>
    </row>
    <row r="8" spans="2:4" ht="45" x14ac:dyDescent="0.25">
      <c r="B8" s="8" t="s">
        <v>11</v>
      </c>
      <c r="C8" s="25" t="s">
        <v>419</v>
      </c>
      <c r="D8" s="9" t="s">
        <v>12</v>
      </c>
    </row>
    <row r="9" spans="2:4" ht="30" x14ac:dyDescent="0.25">
      <c r="B9" s="8" t="s">
        <v>13</v>
      </c>
      <c r="C9" s="25" t="s">
        <v>419</v>
      </c>
      <c r="D9" s="9" t="s">
        <v>14</v>
      </c>
    </row>
    <row r="10" spans="2:4" ht="45" x14ac:dyDescent="0.25">
      <c r="B10" s="8" t="s">
        <v>15</v>
      </c>
      <c r="C10" s="26" t="s">
        <v>419</v>
      </c>
      <c r="D10" s="9" t="s">
        <v>16</v>
      </c>
    </row>
    <row r="11" spans="2:4" ht="45" x14ac:dyDescent="0.25">
      <c r="B11" s="8" t="s">
        <v>17</v>
      </c>
      <c r="C11" s="25" t="s">
        <v>419</v>
      </c>
      <c r="D11" s="9" t="s">
        <v>18</v>
      </c>
    </row>
    <row r="12" spans="2:4" ht="45" x14ac:dyDescent="0.25">
      <c r="B12" s="8" t="s">
        <v>19</v>
      </c>
      <c r="C12" s="25" t="s">
        <v>420</v>
      </c>
      <c r="D12" s="9" t="s">
        <v>20</v>
      </c>
    </row>
    <row r="13" spans="2:4" x14ac:dyDescent="0.25">
      <c r="B13" s="11" t="s">
        <v>21</v>
      </c>
      <c r="C13" s="25" t="s">
        <v>420</v>
      </c>
      <c r="D13" s="12" t="s">
        <v>22</v>
      </c>
    </row>
    <row r="14" spans="2:4" s="14" customFormat="1" ht="30" x14ac:dyDescent="0.25">
      <c r="B14" s="13" t="s">
        <v>23</v>
      </c>
      <c r="C14" s="25" t="s">
        <v>420</v>
      </c>
      <c r="D14" s="10" t="s">
        <v>24</v>
      </c>
    </row>
    <row r="15" spans="2:4" ht="30" x14ac:dyDescent="0.25">
      <c r="B15" s="15" t="s">
        <v>25</v>
      </c>
      <c r="C15" s="25" t="s">
        <v>420</v>
      </c>
      <c r="D15" s="16" t="s">
        <v>26</v>
      </c>
    </row>
    <row r="16" spans="2:4" x14ac:dyDescent="0.25">
      <c r="B16" s="8" t="s">
        <v>27</v>
      </c>
      <c r="C16" s="27" t="s">
        <v>422</v>
      </c>
      <c r="D16" s="9" t="s">
        <v>22</v>
      </c>
    </row>
    <row r="17" spans="2:4" ht="30" x14ac:dyDescent="0.25">
      <c r="B17" s="8" t="s">
        <v>28</v>
      </c>
      <c r="C17" s="28" t="s">
        <v>422</v>
      </c>
      <c r="D17" s="9" t="s">
        <v>29</v>
      </c>
    </row>
    <row r="18" spans="2:4" ht="30" x14ac:dyDescent="0.25">
      <c r="B18" s="8" t="s">
        <v>30</v>
      </c>
      <c r="C18" s="29" t="s">
        <v>421</v>
      </c>
      <c r="D18" s="9" t="s">
        <v>31</v>
      </c>
    </row>
    <row r="19" spans="2:4" ht="60" x14ac:dyDescent="0.25">
      <c r="B19" s="8" t="s">
        <v>32</v>
      </c>
      <c r="C19" s="25" t="s">
        <v>422</v>
      </c>
      <c r="D19" s="9" t="s">
        <v>33</v>
      </c>
    </row>
    <row r="20" spans="2:4" ht="45" x14ac:dyDescent="0.25">
      <c r="B20" s="8" t="s">
        <v>34</v>
      </c>
      <c r="C20" s="25" t="s">
        <v>422</v>
      </c>
      <c r="D20" s="9" t="s">
        <v>35</v>
      </c>
    </row>
    <row r="21" spans="2:4" ht="30" x14ac:dyDescent="0.25">
      <c r="B21" s="8" t="s">
        <v>36</v>
      </c>
      <c r="C21" s="25" t="s">
        <v>422</v>
      </c>
      <c r="D21" s="9" t="s">
        <v>37</v>
      </c>
    </row>
    <row r="22" spans="2:4" ht="30" x14ac:dyDescent="0.25">
      <c r="B22" s="8" t="s">
        <v>38</v>
      </c>
      <c r="C22" s="25" t="s">
        <v>422</v>
      </c>
      <c r="D22" s="9" t="s">
        <v>39</v>
      </c>
    </row>
    <row r="23" spans="2:4" x14ac:dyDescent="0.25">
      <c r="B23" s="8" t="s">
        <v>40</v>
      </c>
      <c r="C23" s="25" t="s">
        <v>423</v>
      </c>
      <c r="D23" s="9" t="s">
        <v>22</v>
      </c>
    </row>
    <row r="24" spans="2:4" ht="30" x14ac:dyDescent="0.25">
      <c r="B24" s="8" t="s">
        <v>41</v>
      </c>
      <c r="C24" s="25" t="s">
        <v>423</v>
      </c>
      <c r="D24" s="9" t="s">
        <v>42</v>
      </c>
    </row>
    <row r="25" spans="2:4" ht="30" x14ac:dyDescent="0.25">
      <c r="B25" s="8" t="s">
        <v>43</v>
      </c>
      <c r="C25" s="25" t="s">
        <v>423</v>
      </c>
      <c r="D25" s="9" t="s">
        <v>44</v>
      </c>
    </row>
    <row r="26" spans="2:4" ht="30" x14ac:dyDescent="0.25">
      <c r="B26" s="5" t="s">
        <v>45</v>
      </c>
      <c r="C26" s="25" t="s">
        <v>423</v>
      </c>
      <c r="D26" s="17" t="s">
        <v>46</v>
      </c>
    </row>
    <row r="27" spans="2:4" ht="30" x14ac:dyDescent="0.25">
      <c r="B27" s="8" t="s">
        <v>47</v>
      </c>
      <c r="C27" s="30" t="s">
        <v>423</v>
      </c>
      <c r="D27" s="9" t="s">
        <v>48</v>
      </c>
    </row>
    <row r="28" spans="2:4" ht="45" x14ac:dyDescent="0.25">
      <c r="B28" s="5" t="s">
        <v>49</v>
      </c>
      <c r="C28" s="30" t="s">
        <v>423</v>
      </c>
      <c r="D28" s="17" t="s">
        <v>50</v>
      </c>
    </row>
    <row r="29" spans="2:4" ht="60" x14ac:dyDescent="0.25">
      <c r="B29" s="8" t="s">
        <v>51</v>
      </c>
      <c r="C29" s="25" t="s">
        <v>423</v>
      </c>
      <c r="D29" s="9" t="s">
        <v>52</v>
      </c>
    </row>
    <row r="30" spans="2:4" ht="30" x14ac:dyDescent="0.25">
      <c r="B30" s="8" t="s">
        <v>53</v>
      </c>
      <c r="C30" s="25" t="s">
        <v>423</v>
      </c>
      <c r="D30" s="10" t="s">
        <v>54</v>
      </c>
    </row>
    <row r="31" spans="2:4" ht="30" x14ac:dyDescent="0.25">
      <c r="B31" s="8" t="s">
        <v>55</v>
      </c>
      <c r="C31" s="25" t="s">
        <v>423</v>
      </c>
      <c r="D31" s="9" t="s">
        <v>56</v>
      </c>
    </row>
    <row r="32" spans="2:4" x14ac:dyDescent="0.25">
      <c r="B32" s="8" t="s">
        <v>57</v>
      </c>
      <c r="C32" s="25" t="s">
        <v>423</v>
      </c>
      <c r="D32" s="9" t="s">
        <v>58</v>
      </c>
    </row>
    <row r="33" spans="2:4" ht="30" x14ac:dyDescent="0.25">
      <c r="B33" s="8" t="s">
        <v>59</v>
      </c>
      <c r="C33" s="25" t="s">
        <v>423</v>
      </c>
      <c r="D33" s="9" t="s">
        <v>60</v>
      </c>
    </row>
    <row r="34" spans="2:4" ht="30" x14ac:dyDescent="0.25">
      <c r="B34" s="8" t="s">
        <v>61</v>
      </c>
      <c r="C34" s="25" t="s">
        <v>423</v>
      </c>
      <c r="D34" s="9" t="s">
        <v>62</v>
      </c>
    </row>
    <row r="35" spans="2:4" x14ac:dyDescent="0.25">
      <c r="B35" s="8" t="s">
        <v>63</v>
      </c>
      <c r="C35" s="26" t="s">
        <v>424</v>
      </c>
      <c r="D35" s="9" t="s">
        <v>22</v>
      </c>
    </row>
    <row r="36" spans="2:4" ht="30" x14ac:dyDescent="0.25">
      <c r="B36" s="8" t="s">
        <v>64</v>
      </c>
      <c r="C36" s="25" t="s">
        <v>424</v>
      </c>
      <c r="D36" s="9" t="s">
        <v>65</v>
      </c>
    </row>
    <row r="37" spans="2:4" ht="60" x14ac:dyDescent="0.25">
      <c r="B37" s="8" t="s">
        <v>66</v>
      </c>
      <c r="C37" s="25" t="s">
        <v>424</v>
      </c>
      <c r="D37" s="9" t="s">
        <v>67</v>
      </c>
    </row>
    <row r="38" spans="2:4" ht="30" x14ac:dyDescent="0.25">
      <c r="B38" s="8" t="s">
        <v>68</v>
      </c>
      <c r="C38" s="25" t="s">
        <v>424</v>
      </c>
      <c r="D38" s="9" t="s">
        <v>69</v>
      </c>
    </row>
    <row r="39" spans="2:4" ht="45" x14ac:dyDescent="0.25">
      <c r="B39" s="8" t="s">
        <v>70</v>
      </c>
      <c r="C39" s="25" t="s">
        <v>424</v>
      </c>
      <c r="D39" s="9" t="s">
        <v>71</v>
      </c>
    </row>
    <row r="40" spans="2:4" ht="30" x14ac:dyDescent="0.25">
      <c r="B40" s="8" t="s">
        <v>72</v>
      </c>
      <c r="C40" s="25" t="s">
        <v>424</v>
      </c>
      <c r="D40" s="9" t="s">
        <v>73</v>
      </c>
    </row>
    <row r="41" spans="2:4" ht="45" x14ac:dyDescent="0.25">
      <c r="B41" s="8" t="s">
        <v>74</v>
      </c>
      <c r="C41" s="25" t="s">
        <v>424</v>
      </c>
      <c r="D41" s="9" t="s">
        <v>75</v>
      </c>
    </row>
    <row r="42" spans="2:4" ht="45" x14ac:dyDescent="0.25">
      <c r="B42" s="13" t="s">
        <v>76</v>
      </c>
      <c r="C42" s="25" t="s">
        <v>424</v>
      </c>
      <c r="D42" s="9" t="s">
        <v>77</v>
      </c>
    </row>
    <row r="43" spans="2:4" ht="45" x14ac:dyDescent="0.25">
      <c r="B43" s="8" t="s">
        <v>78</v>
      </c>
      <c r="C43" s="25" t="s">
        <v>424</v>
      </c>
      <c r="D43" s="9" t="s">
        <v>79</v>
      </c>
    </row>
    <row r="44" spans="2:4" ht="30" x14ac:dyDescent="0.25">
      <c r="B44" s="8" t="s">
        <v>80</v>
      </c>
      <c r="C44" s="25" t="s">
        <v>424</v>
      </c>
      <c r="D44" s="9" t="s">
        <v>81</v>
      </c>
    </row>
    <row r="45" spans="2:4" ht="30" x14ac:dyDescent="0.25">
      <c r="B45" s="8" t="s">
        <v>82</v>
      </c>
      <c r="C45" s="25" t="s">
        <v>424</v>
      </c>
      <c r="D45" s="10" t="s">
        <v>83</v>
      </c>
    </row>
    <row r="46" spans="2:4" ht="30" x14ac:dyDescent="0.25">
      <c r="B46" s="8" t="s">
        <v>84</v>
      </c>
      <c r="C46" s="25" t="s">
        <v>424</v>
      </c>
      <c r="D46" s="10" t="s">
        <v>85</v>
      </c>
    </row>
    <row r="47" spans="2:4" ht="45" x14ac:dyDescent="0.25">
      <c r="B47" s="8" t="s">
        <v>86</v>
      </c>
      <c r="C47" s="31" t="s">
        <v>424</v>
      </c>
      <c r="D47" s="10" t="s">
        <v>87</v>
      </c>
    </row>
    <row r="48" spans="2:4" ht="30" x14ac:dyDescent="0.25">
      <c r="B48" s="8" t="s">
        <v>88</v>
      </c>
      <c r="C48" s="25" t="s">
        <v>424</v>
      </c>
      <c r="D48" s="9" t="s">
        <v>89</v>
      </c>
    </row>
    <row r="49" spans="2:4" ht="30" x14ac:dyDescent="0.25">
      <c r="B49" s="8" t="s">
        <v>90</v>
      </c>
      <c r="C49" s="25" t="s">
        <v>425</v>
      </c>
      <c r="D49" s="9" t="s">
        <v>91</v>
      </c>
    </row>
    <row r="50" spans="2:4" ht="45" x14ac:dyDescent="0.25">
      <c r="B50" s="13" t="s">
        <v>92</v>
      </c>
      <c r="C50" s="26" t="s">
        <v>426</v>
      </c>
      <c r="D50" s="9" t="s">
        <v>93</v>
      </c>
    </row>
    <row r="51" spans="2:4" ht="45" x14ac:dyDescent="0.25">
      <c r="B51" s="8" t="s">
        <v>94</v>
      </c>
      <c r="C51" s="26" t="s">
        <v>426</v>
      </c>
      <c r="D51" s="9" t="s">
        <v>95</v>
      </c>
    </row>
    <row r="52" spans="2:4" ht="45" x14ac:dyDescent="0.25">
      <c r="B52" s="8" t="s">
        <v>96</v>
      </c>
      <c r="C52" s="26" t="s">
        <v>426</v>
      </c>
      <c r="D52" s="9" t="s">
        <v>97</v>
      </c>
    </row>
    <row r="53" spans="2:4" ht="45" x14ac:dyDescent="0.25">
      <c r="B53" s="13" t="s">
        <v>98</v>
      </c>
      <c r="C53" s="25" t="s">
        <v>426</v>
      </c>
      <c r="D53" s="9" t="s">
        <v>99</v>
      </c>
    </row>
    <row r="54" spans="2:4" ht="45" x14ac:dyDescent="0.25">
      <c r="B54" s="8" t="s">
        <v>100</v>
      </c>
      <c r="C54" s="25" t="s">
        <v>426</v>
      </c>
      <c r="D54" s="9" t="s">
        <v>101</v>
      </c>
    </row>
    <row r="55" spans="2:4" ht="30" x14ac:dyDescent="0.25">
      <c r="B55" s="8" t="s">
        <v>102</v>
      </c>
      <c r="C55" s="31" t="s">
        <v>426</v>
      </c>
      <c r="D55" s="9" t="s">
        <v>103</v>
      </c>
    </row>
    <row r="56" spans="2:4" ht="45" x14ac:dyDescent="0.25">
      <c r="B56" s="8" t="s">
        <v>104</v>
      </c>
      <c r="C56" s="25" t="s">
        <v>426</v>
      </c>
      <c r="D56" s="9" t="s">
        <v>105</v>
      </c>
    </row>
    <row r="57" spans="2:4" ht="45" x14ac:dyDescent="0.25">
      <c r="B57" s="8" t="s">
        <v>106</v>
      </c>
      <c r="C57" s="25" t="s">
        <v>426</v>
      </c>
      <c r="D57" s="9" t="s">
        <v>107</v>
      </c>
    </row>
    <row r="58" spans="2:4" ht="45" x14ac:dyDescent="0.25">
      <c r="B58" s="13" t="s">
        <v>108</v>
      </c>
      <c r="C58" s="25" t="s">
        <v>426</v>
      </c>
      <c r="D58" s="9" t="s">
        <v>109</v>
      </c>
    </row>
    <row r="59" spans="2:4" ht="45" x14ac:dyDescent="0.25">
      <c r="B59" s="8" t="s">
        <v>110</v>
      </c>
      <c r="C59" s="25" t="s">
        <v>426</v>
      </c>
      <c r="D59" s="9" t="s">
        <v>111</v>
      </c>
    </row>
    <row r="60" spans="2:4" ht="30" x14ac:dyDescent="0.25">
      <c r="B60" s="8" t="s">
        <v>112</v>
      </c>
      <c r="C60" s="25" t="s">
        <v>426</v>
      </c>
      <c r="D60" s="9" t="s">
        <v>113</v>
      </c>
    </row>
    <row r="61" spans="2:4" ht="45" x14ac:dyDescent="0.25">
      <c r="B61" s="8" t="s">
        <v>114</v>
      </c>
      <c r="C61" s="25" t="s">
        <v>426</v>
      </c>
      <c r="D61" s="9" t="s">
        <v>115</v>
      </c>
    </row>
    <row r="62" spans="2:4" ht="30" x14ac:dyDescent="0.25">
      <c r="B62" s="8" t="s">
        <v>116</v>
      </c>
      <c r="C62" s="25" t="s">
        <v>426</v>
      </c>
      <c r="D62" s="9" t="s">
        <v>117</v>
      </c>
    </row>
    <row r="63" spans="2:4" ht="30" x14ac:dyDescent="0.25">
      <c r="B63" s="8" t="s">
        <v>118</v>
      </c>
      <c r="C63" s="31" t="s">
        <v>426</v>
      </c>
      <c r="D63" s="9" t="s">
        <v>119</v>
      </c>
    </row>
    <row r="64" spans="2:4" ht="30" x14ac:dyDescent="0.25">
      <c r="B64" s="8" t="s">
        <v>120</v>
      </c>
      <c r="C64" s="25" t="s">
        <v>426</v>
      </c>
      <c r="D64" s="9" t="s">
        <v>121</v>
      </c>
    </row>
    <row r="65" spans="2:4" ht="30" x14ac:dyDescent="0.25">
      <c r="B65" s="15" t="s">
        <v>122</v>
      </c>
      <c r="C65" s="25" t="s">
        <v>426</v>
      </c>
      <c r="D65" s="18" t="s">
        <v>123</v>
      </c>
    </row>
    <row r="66" spans="2:4" ht="30" x14ac:dyDescent="0.25">
      <c r="B66" s="8" t="s">
        <v>124</v>
      </c>
      <c r="C66" s="25" t="s">
        <v>426</v>
      </c>
      <c r="D66" s="10" t="s">
        <v>125</v>
      </c>
    </row>
    <row r="67" spans="2:4" ht="30" x14ac:dyDescent="0.25">
      <c r="B67" s="8" t="s">
        <v>126</v>
      </c>
      <c r="C67" s="25" t="s">
        <v>426</v>
      </c>
      <c r="D67" s="9" t="s">
        <v>127</v>
      </c>
    </row>
    <row r="68" spans="2:4" ht="30" x14ac:dyDescent="0.25">
      <c r="B68" s="8" t="s">
        <v>128</v>
      </c>
      <c r="C68" s="25" t="s">
        <v>426</v>
      </c>
      <c r="D68" s="9" t="s">
        <v>129</v>
      </c>
    </row>
    <row r="69" spans="2:4" ht="30" x14ac:dyDescent="0.25">
      <c r="B69" s="8" t="s">
        <v>130</v>
      </c>
      <c r="C69" s="25" t="s">
        <v>426</v>
      </c>
      <c r="D69" s="9" t="s">
        <v>131</v>
      </c>
    </row>
    <row r="70" spans="2:4" x14ac:dyDescent="0.25">
      <c r="B70" s="8" t="s">
        <v>132</v>
      </c>
      <c r="C70" s="32" t="s">
        <v>426</v>
      </c>
      <c r="D70" s="9" t="s">
        <v>133</v>
      </c>
    </row>
    <row r="71" spans="2:4" x14ac:dyDescent="0.25">
      <c r="B71" s="8" t="s">
        <v>134</v>
      </c>
      <c r="C71" s="26" t="s">
        <v>426</v>
      </c>
      <c r="D71" s="9" t="s">
        <v>135</v>
      </c>
    </row>
    <row r="72" spans="2:4" x14ac:dyDescent="0.25">
      <c r="B72" s="8" t="s">
        <v>136</v>
      </c>
      <c r="C72" s="25" t="s">
        <v>426</v>
      </c>
      <c r="D72" s="9" t="s">
        <v>137</v>
      </c>
    </row>
    <row r="73" spans="2:4" x14ac:dyDescent="0.25">
      <c r="B73" s="8" t="s">
        <v>138</v>
      </c>
      <c r="C73" s="25" t="s">
        <v>426</v>
      </c>
      <c r="D73" s="9" t="s">
        <v>139</v>
      </c>
    </row>
    <row r="74" spans="2:4" x14ac:dyDescent="0.25">
      <c r="B74" s="8" t="s">
        <v>140</v>
      </c>
      <c r="C74" s="25" t="s">
        <v>426</v>
      </c>
      <c r="D74" s="9" t="s">
        <v>141</v>
      </c>
    </row>
    <row r="75" spans="2:4" x14ac:dyDescent="0.25">
      <c r="B75" s="8" t="s">
        <v>142</v>
      </c>
      <c r="C75" s="25" t="s">
        <v>426</v>
      </c>
      <c r="D75" s="9" t="s">
        <v>143</v>
      </c>
    </row>
    <row r="76" spans="2:4" x14ac:dyDescent="0.25">
      <c r="B76" s="8" t="s">
        <v>144</v>
      </c>
      <c r="C76" s="25" t="s">
        <v>426</v>
      </c>
      <c r="D76" s="9" t="s">
        <v>145</v>
      </c>
    </row>
    <row r="77" spans="2:4" x14ac:dyDescent="0.25">
      <c r="B77" s="13" t="s">
        <v>146</v>
      </c>
      <c r="C77" s="25" t="s">
        <v>426</v>
      </c>
      <c r="D77" s="9" t="s">
        <v>147</v>
      </c>
    </row>
    <row r="78" spans="2:4" x14ac:dyDescent="0.25">
      <c r="B78" s="8" t="s">
        <v>148</v>
      </c>
      <c r="C78" s="25" t="s">
        <v>426</v>
      </c>
      <c r="D78" s="9" t="s">
        <v>149</v>
      </c>
    </row>
    <row r="79" spans="2:4" x14ac:dyDescent="0.25">
      <c r="B79" s="8" t="s">
        <v>150</v>
      </c>
      <c r="C79" s="25" t="s">
        <v>426</v>
      </c>
      <c r="D79" s="9" t="s">
        <v>151</v>
      </c>
    </row>
    <row r="80" spans="2:4" x14ac:dyDescent="0.25">
      <c r="B80" s="8" t="s">
        <v>152</v>
      </c>
      <c r="C80" s="25" t="s">
        <v>426</v>
      </c>
      <c r="D80" s="9" t="s">
        <v>153</v>
      </c>
    </row>
    <row r="81" spans="2:4" x14ac:dyDescent="0.25">
      <c r="B81" s="8" t="s">
        <v>154</v>
      </c>
      <c r="C81" s="25" t="s">
        <v>426</v>
      </c>
      <c r="D81" s="9" t="s">
        <v>155</v>
      </c>
    </row>
    <row r="82" spans="2:4" x14ac:dyDescent="0.25">
      <c r="B82" s="8" t="s">
        <v>156</v>
      </c>
      <c r="C82" s="25" t="s">
        <v>426</v>
      </c>
      <c r="D82" s="9" t="s">
        <v>157</v>
      </c>
    </row>
    <row r="83" spans="2:4" x14ac:dyDescent="0.25">
      <c r="B83" s="8" t="s">
        <v>158</v>
      </c>
      <c r="C83" s="25" t="s">
        <v>426</v>
      </c>
      <c r="D83" s="9" t="s">
        <v>159</v>
      </c>
    </row>
    <row r="84" spans="2:4" x14ac:dyDescent="0.25">
      <c r="B84" s="8" t="s">
        <v>160</v>
      </c>
      <c r="C84" s="25" t="s">
        <v>426</v>
      </c>
      <c r="D84" s="9" t="s">
        <v>161</v>
      </c>
    </row>
    <row r="85" spans="2:4" x14ac:dyDescent="0.25">
      <c r="B85" s="8" t="s">
        <v>162</v>
      </c>
      <c r="C85" s="25" t="s">
        <v>426</v>
      </c>
      <c r="D85" s="9" t="s">
        <v>163</v>
      </c>
    </row>
    <row r="86" spans="2:4" x14ac:dyDescent="0.25">
      <c r="B86" s="8" t="s">
        <v>164</v>
      </c>
      <c r="C86" s="25" t="s">
        <v>426</v>
      </c>
      <c r="D86" s="9" t="s">
        <v>165</v>
      </c>
    </row>
    <row r="87" spans="2:4" x14ac:dyDescent="0.25">
      <c r="B87" s="8" t="s">
        <v>166</v>
      </c>
      <c r="C87" s="25" t="s">
        <v>426</v>
      </c>
      <c r="D87" s="9" t="s">
        <v>167</v>
      </c>
    </row>
    <row r="88" spans="2:4" x14ac:dyDescent="0.25">
      <c r="B88" s="8" t="s">
        <v>168</v>
      </c>
      <c r="C88" s="25" t="s">
        <v>426</v>
      </c>
      <c r="D88" s="10" t="s">
        <v>169</v>
      </c>
    </row>
    <row r="89" spans="2:4" ht="30" x14ac:dyDescent="0.25">
      <c r="B89" s="8" t="s">
        <v>170</v>
      </c>
      <c r="C89" s="25" t="s">
        <v>426</v>
      </c>
      <c r="D89" s="9" t="s">
        <v>171</v>
      </c>
    </row>
    <row r="90" spans="2:4" ht="30" x14ac:dyDescent="0.25">
      <c r="B90" s="8" t="s">
        <v>172</v>
      </c>
      <c r="C90" s="25" t="s">
        <v>427</v>
      </c>
      <c r="D90" s="9" t="s">
        <v>173</v>
      </c>
    </row>
    <row r="91" spans="2:4" ht="30" x14ac:dyDescent="0.25">
      <c r="B91" s="8" t="s">
        <v>174</v>
      </c>
      <c r="C91" s="25" t="s">
        <v>427</v>
      </c>
      <c r="D91" s="10" t="s">
        <v>175</v>
      </c>
    </row>
    <row r="92" spans="2:4" ht="30" x14ac:dyDescent="0.25">
      <c r="B92" s="13" t="s">
        <v>176</v>
      </c>
      <c r="C92" s="25" t="s">
        <v>427</v>
      </c>
      <c r="D92" s="10" t="s">
        <v>177</v>
      </c>
    </row>
    <row r="93" spans="2:4" x14ac:dyDescent="0.25">
      <c r="B93" s="8" t="s">
        <v>178</v>
      </c>
      <c r="C93" s="25" t="s">
        <v>427</v>
      </c>
      <c r="D93" s="9" t="s">
        <v>179</v>
      </c>
    </row>
    <row r="94" spans="2:4" ht="30" x14ac:dyDescent="0.25">
      <c r="B94" s="8" t="s">
        <v>180</v>
      </c>
      <c r="C94" s="25" t="s">
        <v>427</v>
      </c>
      <c r="D94" s="9" t="s">
        <v>181</v>
      </c>
    </row>
    <row r="95" spans="2:4" ht="60" x14ac:dyDescent="0.25">
      <c r="B95" s="8" t="s">
        <v>182</v>
      </c>
      <c r="C95" s="25" t="s">
        <v>427</v>
      </c>
      <c r="D95" s="10" t="s">
        <v>183</v>
      </c>
    </row>
    <row r="96" spans="2:4" ht="45" x14ac:dyDescent="0.25">
      <c r="B96" s="8" t="s">
        <v>184</v>
      </c>
      <c r="C96" s="25" t="s">
        <v>428</v>
      </c>
      <c r="D96" s="9" t="s">
        <v>185</v>
      </c>
    </row>
    <row r="97" spans="2:4" ht="60" x14ac:dyDescent="0.25">
      <c r="B97" s="8" t="s">
        <v>186</v>
      </c>
      <c r="C97" s="25" t="s">
        <v>428</v>
      </c>
      <c r="D97" s="9" t="s">
        <v>33</v>
      </c>
    </row>
    <row r="98" spans="2:4" x14ac:dyDescent="0.25">
      <c r="B98" s="8" t="s">
        <v>187</v>
      </c>
      <c r="C98" s="25" t="s">
        <v>429</v>
      </c>
      <c r="D98" s="9" t="s">
        <v>188</v>
      </c>
    </row>
    <row r="99" spans="2:4" ht="30" x14ac:dyDescent="0.25">
      <c r="B99" s="8" t="s">
        <v>189</v>
      </c>
      <c r="C99" s="25" t="s">
        <v>429</v>
      </c>
      <c r="D99" s="9" t="s">
        <v>190</v>
      </c>
    </row>
    <row r="100" spans="2:4" ht="30" x14ac:dyDescent="0.25">
      <c r="B100" s="8" t="s">
        <v>191</v>
      </c>
      <c r="C100" s="25" t="s">
        <v>429</v>
      </c>
      <c r="D100" s="9" t="s">
        <v>192</v>
      </c>
    </row>
    <row r="101" spans="2:4" ht="45" x14ac:dyDescent="0.25">
      <c r="B101" s="8" t="s">
        <v>193</v>
      </c>
      <c r="C101" s="25" t="s">
        <v>429</v>
      </c>
      <c r="D101" s="9" t="s">
        <v>194</v>
      </c>
    </row>
    <row r="102" spans="2:4" ht="30" x14ac:dyDescent="0.25">
      <c r="B102" s="8" t="s">
        <v>195</v>
      </c>
      <c r="C102" s="25" t="s">
        <v>429</v>
      </c>
      <c r="D102" s="9" t="s">
        <v>196</v>
      </c>
    </row>
    <row r="103" spans="2:4" ht="45" x14ac:dyDescent="0.25">
      <c r="B103" s="8" t="s">
        <v>197</v>
      </c>
      <c r="C103" s="25" t="s">
        <v>429</v>
      </c>
      <c r="D103" s="9" t="s">
        <v>198</v>
      </c>
    </row>
    <row r="104" spans="2:4" x14ac:dyDescent="0.25">
      <c r="B104" s="13" t="s">
        <v>199</v>
      </c>
      <c r="C104" s="25" t="s">
        <v>430</v>
      </c>
      <c r="D104" s="9" t="s">
        <v>22</v>
      </c>
    </row>
    <row r="105" spans="2:4" ht="60" x14ac:dyDescent="0.25">
      <c r="B105" s="8" t="s">
        <v>200</v>
      </c>
      <c r="C105" s="25" t="s">
        <v>430</v>
      </c>
      <c r="D105" s="10" t="s">
        <v>201</v>
      </c>
    </row>
    <row r="106" spans="2:4" ht="30" x14ac:dyDescent="0.25">
      <c r="B106" s="8" t="s">
        <v>202</v>
      </c>
      <c r="C106" s="25" t="s">
        <v>430</v>
      </c>
      <c r="D106" s="10" t="s">
        <v>203</v>
      </c>
    </row>
    <row r="107" spans="2:4" ht="60" x14ac:dyDescent="0.25">
      <c r="B107" s="8" t="s">
        <v>204</v>
      </c>
      <c r="C107" s="25" t="s">
        <v>430</v>
      </c>
      <c r="D107" s="9" t="s">
        <v>205</v>
      </c>
    </row>
    <row r="108" spans="2:4" x14ac:dyDescent="0.25">
      <c r="B108" s="8" t="s">
        <v>206</v>
      </c>
      <c r="C108" s="25" t="s">
        <v>431</v>
      </c>
      <c r="D108" s="9" t="s">
        <v>207</v>
      </c>
    </row>
    <row r="109" spans="2:4" x14ac:dyDescent="0.25">
      <c r="B109" s="8" t="s">
        <v>208</v>
      </c>
      <c r="C109" s="31" t="s">
        <v>431</v>
      </c>
      <c r="D109" s="9" t="s">
        <v>22</v>
      </c>
    </row>
    <row r="110" spans="2:4" ht="30" x14ac:dyDescent="0.25">
      <c r="B110" s="8" t="s">
        <v>209</v>
      </c>
      <c r="C110" s="31" t="s">
        <v>431</v>
      </c>
      <c r="D110" s="10" t="s">
        <v>210</v>
      </c>
    </row>
    <row r="111" spans="2:4" x14ac:dyDescent="0.25">
      <c r="B111" s="8" t="s">
        <v>211</v>
      </c>
      <c r="C111" s="31" t="s">
        <v>431</v>
      </c>
      <c r="D111" s="10" t="s">
        <v>212</v>
      </c>
    </row>
    <row r="112" spans="2:4" ht="30" x14ac:dyDescent="0.25">
      <c r="B112" s="8" t="s">
        <v>213</v>
      </c>
      <c r="C112" s="31" t="s">
        <v>431</v>
      </c>
      <c r="D112" s="9" t="s">
        <v>214</v>
      </c>
    </row>
    <row r="113" spans="2:4" ht="30" x14ac:dyDescent="0.25">
      <c r="B113" s="8" t="s">
        <v>215</v>
      </c>
      <c r="C113" s="25" t="s">
        <v>431</v>
      </c>
      <c r="D113" s="9" t="s">
        <v>216</v>
      </c>
    </row>
    <row r="114" spans="2:4" ht="30" x14ac:dyDescent="0.25">
      <c r="B114" s="8" t="s">
        <v>217</v>
      </c>
      <c r="C114" s="25" t="s">
        <v>431</v>
      </c>
      <c r="D114" s="9" t="s">
        <v>218</v>
      </c>
    </row>
    <row r="115" spans="2:4" ht="60" x14ac:dyDescent="0.25">
      <c r="B115" s="8" t="s">
        <v>219</v>
      </c>
      <c r="C115" s="25" t="s">
        <v>431</v>
      </c>
      <c r="D115" s="9" t="s">
        <v>220</v>
      </c>
    </row>
    <row r="116" spans="2:4" ht="30" x14ac:dyDescent="0.25">
      <c r="B116" s="8" t="s">
        <v>221</v>
      </c>
      <c r="C116" s="25" t="s">
        <v>431</v>
      </c>
      <c r="D116" s="9" t="s">
        <v>222</v>
      </c>
    </row>
    <row r="117" spans="2:4" ht="30" x14ac:dyDescent="0.25">
      <c r="B117" s="8" t="s">
        <v>223</v>
      </c>
      <c r="C117" s="25" t="s">
        <v>431</v>
      </c>
      <c r="D117" s="9" t="s">
        <v>224</v>
      </c>
    </row>
    <row r="118" spans="2:4" x14ac:dyDescent="0.25">
      <c r="B118" s="8" t="s">
        <v>225</v>
      </c>
      <c r="C118" s="25" t="s">
        <v>432</v>
      </c>
      <c r="D118" s="9" t="s">
        <v>22</v>
      </c>
    </row>
    <row r="119" spans="2:4" ht="30" x14ac:dyDescent="0.25">
      <c r="B119" s="8" t="s">
        <v>226</v>
      </c>
      <c r="C119" s="25" t="s">
        <v>432</v>
      </c>
      <c r="D119" s="9" t="s">
        <v>227</v>
      </c>
    </row>
    <row r="120" spans="2:4" ht="30" x14ac:dyDescent="0.25">
      <c r="B120" s="13" t="s">
        <v>228</v>
      </c>
      <c r="C120" s="25" t="s">
        <v>432</v>
      </c>
      <c r="D120" s="9" t="s">
        <v>229</v>
      </c>
    </row>
    <row r="121" spans="2:4" x14ac:dyDescent="0.25">
      <c r="B121" s="8" t="s">
        <v>230</v>
      </c>
      <c r="C121" s="25" t="s">
        <v>432</v>
      </c>
      <c r="D121" s="10" t="s">
        <v>231</v>
      </c>
    </row>
    <row r="122" spans="2:4" ht="30" x14ac:dyDescent="0.25">
      <c r="B122" s="8" t="s">
        <v>232</v>
      </c>
      <c r="C122" s="25" t="s">
        <v>433</v>
      </c>
      <c r="D122" s="10" t="s">
        <v>233</v>
      </c>
    </row>
    <row r="123" spans="2:4" ht="30" x14ac:dyDescent="0.25">
      <c r="B123" s="13" t="s">
        <v>234</v>
      </c>
      <c r="C123" s="25" t="s">
        <v>433</v>
      </c>
      <c r="D123" s="10" t="s">
        <v>235</v>
      </c>
    </row>
    <row r="124" spans="2:4" ht="30" x14ac:dyDescent="0.25">
      <c r="B124" s="8" t="s">
        <v>236</v>
      </c>
      <c r="C124" s="25" t="s">
        <v>433</v>
      </c>
      <c r="D124" s="9" t="s">
        <v>237</v>
      </c>
    </row>
    <row r="125" spans="2:4" ht="30" x14ac:dyDescent="0.25">
      <c r="B125" s="19" t="s">
        <v>417</v>
      </c>
      <c r="C125" s="26" t="s">
        <v>433</v>
      </c>
      <c r="D125" s="20" t="s">
        <v>238</v>
      </c>
    </row>
    <row r="126" spans="2:4" x14ac:dyDescent="0.25">
      <c r="B126" s="13" t="s">
        <v>239</v>
      </c>
      <c r="C126" s="28" t="s">
        <v>434</v>
      </c>
      <c r="D126" s="10" t="s">
        <v>22</v>
      </c>
    </row>
    <row r="127" spans="2:4" ht="30" x14ac:dyDescent="0.25">
      <c r="B127" s="8" t="s">
        <v>240</v>
      </c>
      <c r="C127" s="25" t="s">
        <v>434</v>
      </c>
      <c r="D127" s="9" t="s">
        <v>241</v>
      </c>
    </row>
    <row r="128" spans="2:4" ht="30" x14ac:dyDescent="0.25">
      <c r="B128" s="8" t="s">
        <v>242</v>
      </c>
      <c r="C128" s="25" t="s">
        <v>434</v>
      </c>
      <c r="D128" s="9" t="s">
        <v>243</v>
      </c>
    </row>
    <row r="129" spans="2:4" x14ac:dyDescent="0.25">
      <c r="B129" s="8" t="s">
        <v>244</v>
      </c>
      <c r="C129" s="25" t="s">
        <v>435</v>
      </c>
      <c r="D129" s="10" t="s">
        <v>22</v>
      </c>
    </row>
    <row r="130" spans="2:4" ht="30" x14ac:dyDescent="0.25">
      <c r="B130" s="8" t="s">
        <v>245</v>
      </c>
      <c r="C130" s="25" t="s">
        <v>435</v>
      </c>
      <c r="D130" s="10" t="s">
        <v>246</v>
      </c>
    </row>
    <row r="131" spans="2:4" ht="45" x14ac:dyDescent="0.25">
      <c r="B131" s="8" t="s">
        <v>247</v>
      </c>
      <c r="C131" s="25" t="s">
        <v>435</v>
      </c>
      <c r="D131" s="9" t="s">
        <v>248</v>
      </c>
    </row>
    <row r="132" spans="2:4" x14ac:dyDescent="0.25">
      <c r="B132" s="8" t="s">
        <v>249</v>
      </c>
      <c r="C132" s="25" t="s">
        <v>436</v>
      </c>
      <c r="D132" s="9" t="s">
        <v>22</v>
      </c>
    </row>
    <row r="133" spans="2:4" ht="30" x14ac:dyDescent="0.25">
      <c r="B133" s="8" t="s">
        <v>250</v>
      </c>
      <c r="C133" s="25" t="s">
        <v>436</v>
      </c>
      <c r="D133" s="10" t="s">
        <v>227</v>
      </c>
    </row>
    <row r="134" spans="2:4" ht="30" x14ac:dyDescent="0.25">
      <c r="B134" s="8" t="s">
        <v>251</v>
      </c>
      <c r="C134" s="25" t="s">
        <v>436</v>
      </c>
      <c r="D134" s="10" t="s">
        <v>252</v>
      </c>
    </row>
    <row r="135" spans="2:4" x14ac:dyDescent="0.25">
      <c r="B135" s="8" t="s">
        <v>253</v>
      </c>
      <c r="C135" s="26" t="s">
        <v>436</v>
      </c>
      <c r="D135" s="9" t="s">
        <v>254</v>
      </c>
    </row>
    <row r="136" spans="2:4" x14ac:dyDescent="0.25">
      <c r="B136" s="8" t="s">
        <v>255</v>
      </c>
      <c r="C136" s="26" t="s">
        <v>437</v>
      </c>
      <c r="D136" s="9" t="s">
        <v>22</v>
      </c>
    </row>
    <row r="137" spans="2:4" ht="30" x14ac:dyDescent="0.25">
      <c r="B137" s="8" t="s">
        <v>256</v>
      </c>
      <c r="C137" s="25" t="s">
        <v>437</v>
      </c>
      <c r="D137" s="10" t="s">
        <v>257</v>
      </c>
    </row>
    <row r="138" spans="2:4" ht="30" x14ac:dyDescent="0.25">
      <c r="B138" s="13" t="s">
        <v>258</v>
      </c>
      <c r="C138" s="25" t="s">
        <v>437</v>
      </c>
      <c r="D138" s="10" t="s">
        <v>259</v>
      </c>
    </row>
    <row r="139" spans="2:4" x14ac:dyDescent="0.25">
      <c r="B139" s="8">
        <v>12100</v>
      </c>
      <c r="C139" s="25" t="s">
        <v>419</v>
      </c>
      <c r="D139" s="9" t="s">
        <v>260</v>
      </c>
    </row>
    <row r="140" spans="2:4" x14ac:dyDescent="0.25">
      <c r="B140" s="8">
        <v>12101</v>
      </c>
      <c r="C140" s="26" t="s">
        <v>419</v>
      </c>
      <c r="D140" s="9" t="s">
        <v>261</v>
      </c>
    </row>
    <row r="141" spans="2:4" x14ac:dyDescent="0.25">
      <c r="B141" s="8">
        <v>12110</v>
      </c>
      <c r="C141" s="28" t="s">
        <v>419</v>
      </c>
      <c r="D141" s="10" t="s">
        <v>262</v>
      </c>
    </row>
    <row r="142" spans="2:4" ht="30" x14ac:dyDescent="0.25">
      <c r="B142" s="8">
        <v>12120</v>
      </c>
      <c r="C142" s="26" t="s">
        <v>419</v>
      </c>
      <c r="D142" s="10" t="s">
        <v>263</v>
      </c>
    </row>
    <row r="143" spans="2:4" ht="60" x14ac:dyDescent="0.25">
      <c r="B143" s="8">
        <v>13013</v>
      </c>
      <c r="C143" s="28" t="s">
        <v>419</v>
      </c>
      <c r="D143" s="9" t="s">
        <v>264</v>
      </c>
    </row>
    <row r="144" spans="2:4" ht="45" x14ac:dyDescent="0.25">
      <c r="B144" s="8">
        <v>13014</v>
      </c>
      <c r="C144" s="28" t="s">
        <v>419</v>
      </c>
      <c r="D144" s="9" t="s">
        <v>265</v>
      </c>
    </row>
    <row r="145" spans="2:4" ht="30" x14ac:dyDescent="0.25">
      <c r="B145" s="8">
        <v>13015</v>
      </c>
      <c r="C145" s="25" t="s">
        <v>419</v>
      </c>
      <c r="D145" s="10" t="s">
        <v>266</v>
      </c>
    </row>
    <row r="146" spans="2:4" x14ac:dyDescent="0.25">
      <c r="B146" s="5" t="s">
        <v>267</v>
      </c>
      <c r="C146" s="25" t="s">
        <v>419</v>
      </c>
      <c r="D146" s="6" t="s">
        <v>268</v>
      </c>
    </row>
    <row r="147" spans="2:4" x14ac:dyDescent="0.25">
      <c r="B147" s="5" t="s">
        <v>269</v>
      </c>
      <c r="C147" s="25" t="s">
        <v>419</v>
      </c>
      <c r="D147" s="6" t="s">
        <v>270</v>
      </c>
    </row>
    <row r="148" spans="2:4" ht="45" x14ac:dyDescent="0.25">
      <c r="B148" s="8">
        <v>13501</v>
      </c>
      <c r="C148" s="30" t="s">
        <v>419</v>
      </c>
      <c r="D148" s="9" t="s">
        <v>271</v>
      </c>
    </row>
    <row r="149" spans="2:4" ht="45" x14ac:dyDescent="0.25">
      <c r="B149" s="8">
        <v>13502</v>
      </c>
      <c r="C149" s="30" t="s">
        <v>419</v>
      </c>
      <c r="D149" s="10" t="s">
        <v>272</v>
      </c>
    </row>
    <row r="150" spans="2:4" ht="60" x14ac:dyDescent="0.25">
      <c r="B150" s="8">
        <v>13503</v>
      </c>
      <c r="C150" s="30" t="s">
        <v>419</v>
      </c>
      <c r="D150" s="10" t="s">
        <v>273</v>
      </c>
    </row>
    <row r="151" spans="2:4" ht="30" x14ac:dyDescent="0.25">
      <c r="B151" s="8">
        <v>13763</v>
      </c>
      <c r="C151" s="30" t="s">
        <v>419</v>
      </c>
      <c r="D151" s="10" t="s">
        <v>274</v>
      </c>
    </row>
    <row r="152" spans="2:4" ht="30" x14ac:dyDescent="0.25">
      <c r="B152" s="8">
        <v>13764</v>
      </c>
      <c r="C152" s="25" t="s">
        <v>419</v>
      </c>
      <c r="D152" s="10" t="s">
        <v>275</v>
      </c>
    </row>
    <row r="153" spans="2:4" ht="30" x14ac:dyDescent="0.25">
      <c r="B153" s="15">
        <v>13765</v>
      </c>
      <c r="C153" s="31" t="s">
        <v>419</v>
      </c>
      <c r="D153" s="16" t="s">
        <v>276</v>
      </c>
    </row>
    <row r="154" spans="2:4" ht="30" x14ac:dyDescent="0.25">
      <c r="B154" s="13">
        <v>13766</v>
      </c>
      <c r="C154" s="25" t="s">
        <v>419</v>
      </c>
      <c r="D154" s="9" t="s">
        <v>277</v>
      </c>
    </row>
    <row r="155" spans="2:4" ht="30" x14ac:dyDescent="0.25">
      <c r="B155" s="8">
        <v>13767</v>
      </c>
      <c r="C155" s="25" t="s">
        <v>419</v>
      </c>
      <c r="D155" s="10" t="s">
        <v>278</v>
      </c>
    </row>
    <row r="156" spans="2:4" ht="30" x14ac:dyDescent="0.25">
      <c r="B156" s="8">
        <v>13768</v>
      </c>
      <c r="C156" s="30" t="s">
        <v>419</v>
      </c>
      <c r="D156" s="10" t="s">
        <v>279</v>
      </c>
    </row>
    <row r="157" spans="2:4" ht="30" x14ac:dyDescent="0.25">
      <c r="B157" s="8">
        <v>13769</v>
      </c>
      <c r="C157" s="30" t="s">
        <v>419</v>
      </c>
      <c r="D157" s="10" t="s">
        <v>280</v>
      </c>
    </row>
    <row r="158" spans="2:4" ht="30" x14ac:dyDescent="0.25">
      <c r="B158" s="8">
        <v>13770</v>
      </c>
      <c r="C158" s="30" t="s">
        <v>419</v>
      </c>
      <c r="D158" s="9" t="s">
        <v>281</v>
      </c>
    </row>
    <row r="159" spans="2:4" ht="30" x14ac:dyDescent="0.25">
      <c r="B159" s="8">
        <v>13771</v>
      </c>
      <c r="C159" s="30" t="s">
        <v>419</v>
      </c>
      <c r="D159" s="9" t="s">
        <v>282</v>
      </c>
    </row>
    <row r="160" spans="2:4" ht="30" x14ac:dyDescent="0.25">
      <c r="B160" s="8">
        <v>13772</v>
      </c>
      <c r="C160" s="25" t="s">
        <v>419</v>
      </c>
      <c r="D160" s="9" t="s">
        <v>283</v>
      </c>
    </row>
    <row r="161" spans="2:4" ht="30" x14ac:dyDescent="0.25">
      <c r="B161" s="8">
        <v>13773</v>
      </c>
      <c r="C161" s="31" t="s">
        <v>419</v>
      </c>
      <c r="D161" s="9" t="s">
        <v>284</v>
      </c>
    </row>
    <row r="162" spans="2:4" ht="30" x14ac:dyDescent="0.25">
      <c r="B162" s="8">
        <v>13774</v>
      </c>
      <c r="C162" s="25" t="s">
        <v>419</v>
      </c>
      <c r="D162" s="10" t="s">
        <v>285</v>
      </c>
    </row>
    <row r="163" spans="2:4" ht="30" x14ac:dyDescent="0.25">
      <c r="B163" s="8">
        <v>13775</v>
      </c>
      <c r="C163" s="25" t="s">
        <v>419</v>
      </c>
      <c r="D163" s="10" t="s">
        <v>286</v>
      </c>
    </row>
    <row r="164" spans="2:4" ht="30" x14ac:dyDescent="0.25">
      <c r="B164" s="8">
        <v>13776</v>
      </c>
      <c r="C164" s="30" t="s">
        <v>419</v>
      </c>
      <c r="D164" s="9" t="s">
        <v>287</v>
      </c>
    </row>
    <row r="165" spans="2:4" ht="30" x14ac:dyDescent="0.25">
      <c r="B165" s="8">
        <v>13777</v>
      </c>
      <c r="C165" s="30" t="s">
        <v>419</v>
      </c>
      <c r="D165" s="9" t="s">
        <v>288</v>
      </c>
    </row>
    <row r="166" spans="2:4" ht="30" x14ac:dyDescent="0.25">
      <c r="B166" s="13">
        <v>13778</v>
      </c>
      <c r="C166" s="30" t="s">
        <v>419</v>
      </c>
      <c r="D166" s="9" t="s">
        <v>289</v>
      </c>
    </row>
    <row r="167" spans="2:4" ht="30" x14ac:dyDescent="0.25">
      <c r="B167" s="8">
        <v>13779</v>
      </c>
      <c r="C167" s="30" t="s">
        <v>419</v>
      </c>
      <c r="D167" s="10" t="s">
        <v>290</v>
      </c>
    </row>
    <row r="168" spans="2:4" ht="30" x14ac:dyDescent="0.25">
      <c r="B168" s="8">
        <v>13780</v>
      </c>
      <c r="C168" s="25" t="s">
        <v>419</v>
      </c>
      <c r="D168" s="10" t="s">
        <v>291</v>
      </c>
    </row>
    <row r="169" spans="2:4" ht="30" x14ac:dyDescent="0.25">
      <c r="B169" s="8">
        <v>13781</v>
      </c>
      <c r="C169" s="31" t="s">
        <v>419</v>
      </c>
      <c r="D169" s="9" t="s">
        <v>292</v>
      </c>
    </row>
    <row r="170" spans="2:4" ht="45" x14ac:dyDescent="0.25">
      <c r="B170" s="5">
        <v>14044</v>
      </c>
      <c r="C170" s="34" t="s">
        <v>455</v>
      </c>
      <c r="D170" s="17" t="s">
        <v>293</v>
      </c>
    </row>
    <row r="171" spans="2:4" ht="45" x14ac:dyDescent="0.25">
      <c r="B171" s="5">
        <v>14045</v>
      </c>
      <c r="C171" s="34" t="s">
        <v>455</v>
      </c>
      <c r="D171" s="20" t="s">
        <v>294</v>
      </c>
    </row>
    <row r="172" spans="2:4" ht="45" x14ac:dyDescent="0.25">
      <c r="B172" s="5">
        <v>14046</v>
      </c>
      <c r="C172" s="34" t="s">
        <v>455</v>
      </c>
      <c r="D172" s="20" t="s">
        <v>295</v>
      </c>
    </row>
    <row r="173" spans="2:4" ht="45" x14ac:dyDescent="0.25">
      <c r="B173" s="5">
        <v>14047</v>
      </c>
      <c r="C173" s="34" t="s">
        <v>455</v>
      </c>
      <c r="D173" s="17" t="s">
        <v>296</v>
      </c>
    </row>
    <row r="174" spans="2:4" ht="45" x14ac:dyDescent="0.25">
      <c r="B174" s="5">
        <v>14048</v>
      </c>
      <c r="C174" s="34" t="s">
        <v>455</v>
      </c>
      <c r="D174" s="17" t="s">
        <v>297</v>
      </c>
    </row>
    <row r="175" spans="2:4" x14ac:dyDescent="0.25">
      <c r="B175" s="13">
        <v>14090</v>
      </c>
      <c r="C175" s="31" t="s">
        <v>419</v>
      </c>
      <c r="D175" s="10" t="s">
        <v>298</v>
      </c>
    </row>
    <row r="176" spans="2:4" ht="30" x14ac:dyDescent="0.25">
      <c r="B176" s="8">
        <v>14091</v>
      </c>
      <c r="C176" s="31" t="s">
        <v>419</v>
      </c>
      <c r="D176" s="10" t="s">
        <v>299</v>
      </c>
    </row>
    <row r="177" spans="2:4" ht="30" x14ac:dyDescent="0.25">
      <c r="B177" s="8">
        <v>14094</v>
      </c>
      <c r="C177" s="31" t="s">
        <v>419</v>
      </c>
      <c r="D177" s="10" t="s">
        <v>300</v>
      </c>
    </row>
    <row r="178" spans="2:4" x14ac:dyDescent="0.25">
      <c r="B178" s="5" t="s">
        <v>301</v>
      </c>
      <c r="C178" s="31" t="s">
        <v>419</v>
      </c>
      <c r="D178" s="21" t="s">
        <v>302</v>
      </c>
    </row>
    <row r="179" spans="2:4" x14ac:dyDescent="0.25">
      <c r="B179" s="8">
        <v>14560</v>
      </c>
      <c r="C179" s="31" t="s">
        <v>419</v>
      </c>
      <c r="D179" s="10" t="s">
        <v>303</v>
      </c>
    </row>
    <row r="180" spans="2:4" x14ac:dyDescent="0.25">
      <c r="B180" s="8">
        <v>15300</v>
      </c>
      <c r="C180" s="31" t="s">
        <v>419</v>
      </c>
      <c r="D180" s="10" t="s">
        <v>304</v>
      </c>
    </row>
    <row r="181" spans="2:4" x14ac:dyDescent="0.25">
      <c r="B181" s="8">
        <v>15301</v>
      </c>
      <c r="C181" s="31" t="s">
        <v>419</v>
      </c>
      <c r="D181" s="9" t="s">
        <v>305</v>
      </c>
    </row>
    <row r="182" spans="2:4" x14ac:dyDescent="0.25">
      <c r="B182" s="8">
        <v>15310</v>
      </c>
      <c r="C182" s="31" t="s">
        <v>419</v>
      </c>
      <c r="D182" s="9" t="s">
        <v>306</v>
      </c>
    </row>
    <row r="183" spans="2:4" ht="30" x14ac:dyDescent="0.25">
      <c r="B183" s="8">
        <v>15320</v>
      </c>
      <c r="C183" s="31" t="s">
        <v>419</v>
      </c>
      <c r="D183" s="9" t="s">
        <v>263</v>
      </c>
    </row>
    <row r="184" spans="2:4" x14ac:dyDescent="0.25">
      <c r="B184" s="8">
        <v>16100</v>
      </c>
      <c r="C184" s="31" t="s">
        <v>419</v>
      </c>
      <c r="D184" s="9" t="s">
        <v>307</v>
      </c>
    </row>
    <row r="185" spans="2:4" x14ac:dyDescent="0.25">
      <c r="B185" s="8">
        <v>16101</v>
      </c>
      <c r="C185" s="31" t="s">
        <v>419</v>
      </c>
      <c r="D185" s="10" t="s">
        <v>308</v>
      </c>
    </row>
    <row r="186" spans="2:4" x14ac:dyDescent="0.25">
      <c r="B186" s="8">
        <v>16110</v>
      </c>
      <c r="C186" s="31" t="s">
        <v>419</v>
      </c>
      <c r="D186" s="10" t="s">
        <v>309</v>
      </c>
    </row>
    <row r="187" spans="2:4" ht="30" x14ac:dyDescent="0.25">
      <c r="B187" s="8">
        <v>16120</v>
      </c>
      <c r="C187" s="31" t="s">
        <v>419</v>
      </c>
      <c r="D187" s="10" t="s">
        <v>263</v>
      </c>
    </row>
    <row r="188" spans="2:4" x14ac:dyDescent="0.25">
      <c r="B188" s="8">
        <v>17100</v>
      </c>
      <c r="C188" s="31" t="s">
        <v>419</v>
      </c>
      <c r="D188" s="10" t="s">
        <v>310</v>
      </c>
    </row>
    <row r="189" spans="2:4" x14ac:dyDescent="0.25">
      <c r="B189" s="13">
        <v>17101</v>
      </c>
      <c r="C189" s="31" t="s">
        <v>419</v>
      </c>
      <c r="D189" s="10" t="s">
        <v>311</v>
      </c>
    </row>
    <row r="190" spans="2:4" x14ac:dyDescent="0.25">
      <c r="B190" s="8">
        <v>17110</v>
      </c>
      <c r="C190" s="31" t="s">
        <v>419</v>
      </c>
      <c r="D190" s="10" t="s">
        <v>312</v>
      </c>
    </row>
    <row r="191" spans="2:4" ht="30" x14ac:dyDescent="0.25">
      <c r="B191" s="8">
        <v>17120</v>
      </c>
      <c r="C191" s="31" t="s">
        <v>419</v>
      </c>
      <c r="D191" s="10" t="s">
        <v>263</v>
      </c>
    </row>
    <row r="192" spans="2:4" x14ac:dyDescent="0.25">
      <c r="B192" s="8">
        <v>18100</v>
      </c>
      <c r="C192" s="31" t="s">
        <v>419</v>
      </c>
      <c r="D192" s="10" t="s">
        <v>313</v>
      </c>
    </row>
    <row r="193" spans="2:4" x14ac:dyDescent="0.25">
      <c r="B193" s="8">
        <v>18101</v>
      </c>
      <c r="C193" s="31" t="s">
        <v>419</v>
      </c>
      <c r="D193" s="9" t="s">
        <v>314</v>
      </c>
    </row>
    <row r="194" spans="2:4" x14ac:dyDescent="0.25">
      <c r="B194" s="8">
        <v>18110</v>
      </c>
      <c r="C194" s="31" t="s">
        <v>419</v>
      </c>
      <c r="D194" s="10" t="s">
        <v>315</v>
      </c>
    </row>
    <row r="195" spans="2:4" ht="30" x14ac:dyDescent="0.25">
      <c r="B195" s="8">
        <v>18120</v>
      </c>
      <c r="C195" s="31" t="s">
        <v>419</v>
      </c>
      <c r="D195" s="10" t="s">
        <v>263</v>
      </c>
    </row>
    <row r="196" spans="2:4" ht="30" x14ac:dyDescent="0.25">
      <c r="B196" s="8">
        <v>22118</v>
      </c>
      <c r="C196" s="26" t="s">
        <v>430</v>
      </c>
      <c r="D196" s="9" t="s">
        <v>316</v>
      </c>
    </row>
    <row r="197" spans="2:4" x14ac:dyDescent="0.25">
      <c r="B197" s="8">
        <v>30007</v>
      </c>
      <c r="C197" s="26" t="s">
        <v>438</v>
      </c>
      <c r="D197" s="9" t="s">
        <v>317</v>
      </c>
    </row>
    <row r="198" spans="2:4" ht="45" x14ac:dyDescent="0.25">
      <c r="B198" s="8">
        <v>30010</v>
      </c>
      <c r="C198" s="26" t="s">
        <v>438</v>
      </c>
      <c r="D198" s="9" t="s">
        <v>318</v>
      </c>
    </row>
    <row r="199" spans="2:4" ht="45" x14ac:dyDescent="0.25">
      <c r="B199" s="8">
        <v>30011</v>
      </c>
      <c r="C199" s="26" t="s">
        <v>438</v>
      </c>
      <c r="D199" s="9" t="s">
        <v>319</v>
      </c>
    </row>
    <row r="200" spans="2:4" ht="45" x14ac:dyDescent="0.25">
      <c r="B200" s="13">
        <v>30012</v>
      </c>
      <c r="C200" s="26" t="s">
        <v>438</v>
      </c>
      <c r="D200" s="10" t="s">
        <v>320</v>
      </c>
    </row>
    <row r="201" spans="2:4" x14ac:dyDescent="0.25">
      <c r="B201" s="13">
        <v>31007</v>
      </c>
      <c r="C201" s="26" t="s">
        <v>439</v>
      </c>
      <c r="D201" s="9" t="s">
        <v>321</v>
      </c>
    </row>
    <row r="202" spans="2:4" ht="30" x14ac:dyDescent="0.25">
      <c r="B202" s="8">
        <v>31010</v>
      </c>
      <c r="C202" s="26" t="s">
        <v>439</v>
      </c>
      <c r="D202" s="10" t="s">
        <v>322</v>
      </c>
    </row>
    <row r="203" spans="2:4" ht="60" x14ac:dyDescent="0.25">
      <c r="B203" s="8">
        <v>31012</v>
      </c>
      <c r="C203" s="25" t="s">
        <v>439</v>
      </c>
      <c r="D203" s="10" t="s">
        <v>323</v>
      </c>
    </row>
    <row r="204" spans="2:4" ht="30" x14ac:dyDescent="0.25">
      <c r="B204" s="15">
        <v>31014</v>
      </c>
      <c r="C204" s="25" t="s">
        <v>439</v>
      </c>
      <c r="D204" s="16" t="s">
        <v>324</v>
      </c>
    </row>
    <row r="205" spans="2:4" ht="45" x14ac:dyDescent="0.25">
      <c r="B205" s="5">
        <v>31050</v>
      </c>
      <c r="C205" s="25" t="s">
        <v>439</v>
      </c>
      <c r="D205" s="17" t="s">
        <v>325</v>
      </c>
    </row>
    <row r="206" spans="2:4" x14ac:dyDescent="0.25">
      <c r="B206" s="5" t="s">
        <v>326</v>
      </c>
      <c r="C206" s="25" t="s">
        <v>439</v>
      </c>
      <c r="D206" s="6" t="s">
        <v>327</v>
      </c>
    </row>
    <row r="207" spans="2:4" x14ac:dyDescent="0.25">
      <c r="B207" s="8">
        <v>32007</v>
      </c>
      <c r="C207" s="25" t="s">
        <v>440</v>
      </c>
      <c r="D207" s="9" t="s">
        <v>328</v>
      </c>
    </row>
    <row r="208" spans="2:4" ht="45" x14ac:dyDescent="0.25">
      <c r="B208" s="8">
        <v>32010</v>
      </c>
      <c r="C208" s="25" t="s">
        <v>440</v>
      </c>
      <c r="D208" s="9" t="s">
        <v>329</v>
      </c>
    </row>
    <row r="209" spans="2:4" ht="60" x14ac:dyDescent="0.25">
      <c r="B209" s="8">
        <v>32012</v>
      </c>
      <c r="C209" s="25" t="s">
        <v>440</v>
      </c>
      <c r="D209" s="9" t="s">
        <v>330</v>
      </c>
    </row>
    <row r="210" spans="2:4" ht="30" x14ac:dyDescent="0.25">
      <c r="B210" s="8">
        <v>32014</v>
      </c>
      <c r="C210" s="25" t="s">
        <v>440</v>
      </c>
      <c r="D210" s="9" t="s">
        <v>331</v>
      </c>
    </row>
    <row r="211" spans="2:4" ht="45" x14ac:dyDescent="0.25">
      <c r="B211" s="13">
        <v>32210</v>
      </c>
      <c r="C211" s="31" t="s">
        <v>421</v>
      </c>
      <c r="D211" s="9" t="s">
        <v>332</v>
      </c>
    </row>
    <row r="212" spans="2:4" ht="45" x14ac:dyDescent="0.25">
      <c r="B212" s="8">
        <v>32212</v>
      </c>
      <c r="C212" s="31" t="s">
        <v>421</v>
      </c>
      <c r="D212" s="9" t="s">
        <v>333</v>
      </c>
    </row>
    <row r="213" spans="2:4" ht="45" x14ac:dyDescent="0.25">
      <c r="B213" s="5">
        <v>32307</v>
      </c>
      <c r="C213" s="31" t="s">
        <v>421</v>
      </c>
      <c r="D213" s="17" t="s">
        <v>334</v>
      </c>
    </row>
    <row r="214" spans="2:4" x14ac:dyDescent="0.25">
      <c r="B214" s="8">
        <v>33007</v>
      </c>
      <c r="C214" s="25" t="s">
        <v>441</v>
      </c>
      <c r="D214" s="10" t="s">
        <v>22</v>
      </c>
    </row>
    <row r="215" spans="2:4" ht="45" x14ac:dyDescent="0.25">
      <c r="B215" s="8">
        <v>33010</v>
      </c>
      <c r="C215" s="25" t="s">
        <v>441</v>
      </c>
      <c r="D215" s="10" t="s">
        <v>335</v>
      </c>
    </row>
    <row r="216" spans="2:4" ht="60" x14ac:dyDescent="0.25">
      <c r="B216" s="8">
        <v>33012</v>
      </c>
      <c r="C216" s="25" t="s">
        <v>441</v>
      </c>
      <c r="D216" s="10" t="s">
        <v>336</v>
      </c>
    </row>
    <row r="217" spans="2:4" ht="45" x14ac:dyDescent="0.25">
      <c r="B217" s="8">
        <v>33013</v>
      </c>
      <c r="C217" s="25" t="s">
        <v>441</v>
      </c>
      <c r="D217" s="9" t="s">
        <v>337</v>
      </c>
    </row>
    <row r="218" spans="2:4" ht="30" x14ac:dyDescent="0.25">
      <c r="B218" s="8">
        <v>33014</v>
      </c>
      <c r="C218" s="25" t="s">
        <v>441</v>
      </c>
      <c r="D218" s="10" t="s">
        <v>338</v>
      </c>
    </row>
    <row r="219" spans="2:4" ht="30" x14ac:dyDescent="0.25">
      <c r="B219" s="8">
        <v>33015</v>
      </c>
      <c r="C219" s="25" t="s">
        <v>441</v>
      </c>
      <c r="D219" s="9" t="s">
        <v>339</v>
      </c>
    </row>
    <row r="220" spans="2:4" x14ac:dyDescent="0.25">
      <c r="B220" s="8">
        <v>33207</v>
      </c>
      <c r="C220" s="25" t="s">
        <v>442</v>
      </c>
      <c r="D220" s="9" t="s">
        <v>22</v>
      </c>
    </row>
    <row r="221" spans="2:4" ht="45" x14ac:dyDescent="0.25">
      <c r="B221" s="8">
        <v>33210</v>
      </c>
      <c r="C221" s="25" t="s">
        <v>442</v>
      </c>
      <c r="D221" s="10" t="s">
        <v>340</v>
      </c>
    </row>
    <row r="222" spans="2:4" ht="60" x14ac:dyDescent="0.25">
      <c r="B222" s="8">
        <v>33212</v>
      </c>
      <c r="C222" s="25" t="s">
        <v>442</v>
      </c>
      <c r="D222" s="9" t="s">
        <v>336</v>
      </c>
    </row>
    <row r="223" spans="2:4" ht="45" x14ac:dyDescent="0.25">
      <c r="B223" s="8">
        <v>33213</v>
      </c>
      <c r="C223" s="25" t="s">
        <v>442</v>
      </c>
      <c r="D223" s="10" t="s">
        <v>341</v>
      </c>
    </row>
    <row r="224" spans="2:4" ht="30" x14ac:dyDescent="0.25">
      <c r="B224" s="8">
        <v>33214</v>
      </c>
      <c r="C224" s="25" t="s">
        <v>442</v>
      </c>
      <c r="D224" s="10" t="s">
        <v>342</v>
      </c>
    </row>
    <row r="225" spans="2:4" ht="30" x14ac:dyDescent="0.25">
      <c r="B225" s="8">
        <v>33215</v>
      </c>
      <c r="C225" s="25" t="s">
        <v>442</v>
      </c>
      <c r="D225" s="9" t="s">
        <v>343</v>
      </c>
    </row>
    <row r="226" spans="2:4" x14ac:dyDescent="0.25">
      <c r="B226" s="8">
        <v>33307</v>
      </c>
      <c r="C226" s="26" t="s">
        <v>443</v>
      </c>
      <c r="D226" s="10" t="s">
        <v>22</v>
      </c>
    </row>
    <row r="227" spans="2:4" ht="45" x14ac:dyDescent="0.25">
      <c r="B227" s="8">
        <v>33310</v>
      </c>
      <c r="C227" s="25" t="s">
        <v>443</v>
      </c>
      <c r="D227" s="9" t="s">
        <v>344</v>
      </c>
    </row>
    <row r="228" spans="2:4" ht="60" x14ac:dyDescent="0.25">
      <c r="B228" s="8">
        <v>33312</v>
      </c>
      <c r="C228" s="26" t="s">
        <v>443</v>
      </c>
      <c r="D228" s="10" t="s">
        <v>345</v>
      </c>
    </row>
    <row r="229" spans="2:4" ht="45" x14ac:dyDescent="0.25">
      <c r="B229" s="8">
        <v>33313</v>
      </c>
      <c r="C229" s="25" t="s">
        <v>443</v>
      </c>
      <c r="D229" s="10" t="s">
        <v>346</v>
      </c>
    </row>
    <row r="230" spans="2:4" ht="30" x14ac:dyDescent="0.25">
      <c r="B230" s="8">
        <v>33314</v>
      </c>
      <c r="C230" s="25" t="s">
        <v>443</v>
      </c>
      <c r="D230" s="9" t="s">
        <v>347</v>
      </c>
    </row>
    <row r="231" spans="2:4" ht="30" x14ac:dyDescent="0.25">
      <c r="B231" s="8">
        <v>33315</v>
      </c>
      <c r="C231" s="25" t="s">
        <v>443</v>
      </c>
      <c r="D231" s="9" t="s">
        <v>348</v>
      </c>
    </row>
    <row r="232" spans="2:4" ht="60" x14ac:dyDescent="0.25">
      <c r="B232" s="8">
        <v>33401</v>
      </c>
      <c r="C232" s="26" t="s">
        <v>444</v>
      </c>
      <c r="D232" s="9" t="s">
        <v>349</v>
      </c>
    </row>
    <row r="233" spans="2:4" ht="30" x14ac:dyDescent="0.25">
      <c r="B233" s="8">
        <v>33402</v>
      </c>
      <c r="C233" s="25" t="s">
        <v>444</v>
      </c>
      <c r="D233" s="9" t="s">
        <v>350</v>
      </c>
    </row>
    <row r="234" spans="2:4" ht="60" x14ac:dyDescent="0.25">
      <c r="B234" s="8">
        <v>33403</v>
      </c>
      <c r="C234" s="26" t="s">
        <v>444</v>
      </c>
      <c r="D234" s="10" t="s">
        <v>351</v>
      </c>
    </row>
    <row r="235" spans="2:4" ht="30" x14ac:dyDescent="0.25">
      <c r="B235" s="8">
        <v>33404</v>
      </c>
      <c r="C235" s="26" t="s">
        <v>444</v>
      </c>
      <c r="D235" s="9" t="s">
        <v>352</v>
      </c>
    </row>
    <row r="236" spans="2:4" x14ac:dyDescent="0.25">
      <c r="B236" s="8">
        <v>33407</v>
      </c>
      <c r="C236" s="25" t="s">
        <v>444</v>
      </c>
      <c r="D236" s="10" t="s">
        <v>22</v>
      </c>
    </row>
    <row r="237" spans="2:4" ht="45" x14ac:dyDescent="0.25">
      <c r="B237" s="8">
        <v>33410</v>
      </c>
      <c r="C237" s="26" t="s">
        <v>444</v>
      </c>
      <c r="D237" s="10" t="s">
        <v>353</v>
      </c>
    </row>
    <row r="238" spans="2:4" ht="60" x14ac:dyDescent="0.25">
      <c r="B238" s="8">
        <v>33412</v>
      </c>
      <c r="C238" s="25" t="s">
        <v>444</v>
      </c>
      <c r="D238" s="10" t="s">
        <v>336</v>
      </c>
    </row>
    <row r="239" spans="2:4" ht="45" x14ac:dyDescent="0.25">
      <c r="B239" s="8">
        <v>33413</v>
      </c>
      <c r="C239" s="26" t="s">
        <v>444</v>
      </c>
      <c r="D239" s="10" t="s">
        <v>354</v>
      </c>
    </row>
    <row r="240" spans="2:4" ht="30" x14ac:dyDescent="0.25">
      <c r="B240" s="8">
        <v>33414</v>
      </c>
      <c r="C240" s="25" t="s">
        <v>444</v>
      </c>
      <c r="D240" s="9" t="s">
        <v>355</v>
      </c>
    </row>
    <row r="241" spans="2:4" ht="30" x14ac:dyDescent="0.25">
      <c r="B241" s="8">
        <v>33415</v>
      </c>
      <c r="C241" s="26" t="s">
        <v>444</v>
      </c>
      <c r="D241" s="10" t="s">
        <v>356</v>
      </c>
    </row>
    <row r="242" spans="2:4" ht="60" x14ac:dyDescent="0.25">
      <c r="B242" s="8">
        <v>33440</v>
      </c>
      <c r="C242" s="26" t="s">
        <v>444</v>
      </c>
      <c r="D242" s="10" t="s">
        <v>357</v>
      </c>
    </row>
    <row r="243" spans="2:4" ht="60" x14ac:dyDescent="0.25">
      <c r="B243" s="8">
        <v>33442</v>
      </c>
      <c r="C243" s="25" t="s">
        <v>444</v>
      </c>
      <c r="D243" s="9" t="s">
        <v>358</v>
      </c>
    </row>
    <row r="244" spans="2:4" ht="30" x14ac:dyDescent="0.25">
      <c r="B244" s="8">
        <v>33447</v>
      </c>
      <c r="C244" s="26" t="s">
        <v>444</v>
      </c>
      <c r="D244" s="10" t="s">
        <v>359</v>
      </c>
    </row>
    <row r="245" spans="2:4" x14ac:dyDescent="0.25">
      <c r="B245" s="8">
        <v>33507</v>
      </c>
      <c r="C245" s="25" t="s">
        <v>445</v>
      </c>
      <c r="D245" s="9" t="s">
        <v>22</v>
      </c>
    </row>
    <row r="246" spans="2:4" ht="45" x14ac:dyDescent="0.25">
      <c r="B246" s="8">
        <v>33510</v>
      </c>
      <c r="C246" s="25" t="s">
        <v>445</v>
      </c>
      <c r="D246" s="9" t="s">
        <v>360</v>
      </c>
    </row>
    <row r="247" spans="2:4" ht="60" x14ac:dyDescent="0.25">
      <c r="B247" s="8">
        <v>33512</v>
      </c>
      <c r="C247" s="25" t="s">
        <v>445</v>
      </c>
      <c r="D247" s="9" t="s">
        <v>336</v>
      </c>
    </row>
    <row r="248" spans="2:4" ht="30" x14ac:dyDescent="0.25">
      <c r="B248" s="8">
        <v>33513</v>
      </c>
      <c r="C248" s="25" t="s">
        <v>445</v>
      </c>
      <c r="D248" s="9" t="s">
        <v>361</v>
      </c>
    </row>
    <row r="249" spans="2:4" ht="30" x14ac:dyDescent="0.25">
      <c r="B249" s="8">
        <v>33514</v>
      </c>
      <c r="C249" s="25" t="s">
        <v>445</v>
      </c>
      <c r="D249" s="9" t="s">
        <v>362</v>
      </c>
    </row>
    <row r="250" spans="2:4" ht="30" x14ac:dyDescent="0.25">
      <c r="B250" s="8">
        <v>33515</v>
      </c>
      <c r="C250" s="25" t="s">
        <v>445</v>
      </c>
      <c r="D250" s="9" t="s">
        <v>363</v>
      </c>
    </row>
    <row r="251" spans="2:4" ht="45" x14ac:dyDescent="0.25">
      <c r="B251" s="8">
        <v>33520</v>
      </c>
      <c r="C251" s="25" t="s">
        <v>445</v>
      </c>
      <c r="D251" s="9" t="s">
        <v>364</v>
      </c>
    </row>
    <row r="252" spans="2:4" ht="45" x14ac:dyDescent="0.25">
      <c r="B252" s="8">
        <v>33522</v>
      </c>
      <c r="C252" s="25" t="s">
        <v>445</v>
      </c>
      <c r="D252" s="9" t="s">
        <v>365</v>
      </c>
    </row>
    <row r="253" spans="2:4" ht="30" x14ac:dyDescent="0.25">
      <c r="B253" s="8">
        <v>33527</v>
      </c>
      <c r="C253" s="25" t="s">
        <v>445</v>
      </c>
      <c r="D253" s="9" t="s">
        <v>366</v>
      </c>
    </row>
    <row r="254" spans="2:4" x14ac:dyDescent="0.25">
      <c r="B254" s="8">
        <v>33607</v>
      </c>
      <c r="C254" s="25" t="s">
        <v>446</v>
      </c>
      <c r="D254" s="9" t="s">
        <v>22</v>
      </c>
    </row>
    <row r="255" spans="2:4" ht="45" x14ac:dyDescent="0.25">
      <c r="B255" s="8">
        <v>33610</v>
      </c>
      <c r="C255" s="25" t="s">
        <v>446</v>
      </c>
      <c r="D255" s="9" t="s">
        <v>367</v>
      </c>
    </row>
    <row r="256" spans="2:4" ht="60" x14ac:dyDescent="0.25">
      <c r="B256" s="8">
        <v>33612</v>
      </c>
      <c r="C256" s="25" t="s">
        <v>446</v>
      </c>
      <c r="D256" s="9" t="s">
        <v>336</v>
      </c>
    </row>
    <row r="257" spans="2:4" ht="45" x14ac:dyDescent="0.25">
      <c r="B257" s="8">
        <v>33613</v>
      </c>
      <c r="C257" s="25" t="s">
        <v>446</v>
      </c>
      <c r="D257" s="9" t="s">
        <v>368</v>
      </c>
    </row>
    <row r="258" spans="2:4" ht="30" x14ac:dyDescent="0.25">
      <c r="B258" s="8">
        <v>33614</v>
      </c>
      <c r="C258" s="25" t="s">
        <v>446</v>
      </c>
      <c r="D258" s="9" t="s">
        <v>369</v>
      </c>
    </row>
    <row r="259" spans="2:4" ht="30" x14ac:dyDescent="0.25">
      <c r="B259" s="8">
        <v>33615</v>
      </c>
      <c r="C259" s="25" t="s">
        <v>446</v>
      </c>
      <c r="D259" s="9" t="s">
        <v>370</v>
      </c>
    </row>
    <row r="260" spans="2:4" ht="60" x14ac:dyDescent="0.25">
      <c r="B260" s="8">
        <v>33620</v>
      </c>
      <c r="C260" s="25" t="s">
        <v>446</v>
      </c>
      <c r="D260" s="9" t="s">
        <v>371</v>
      </c>
    </row>
    <row r="261" spans="2:4" ht="30" x14ac:dyDescent="0.25">
      <c r="B261" s="8">
        <v>33645</v>
      </c>
      <c r="C261" s="25" t="s">
        <v>446</v>
      </c>
      <c r="D261" s="9" t="s">
        <v>372</v>
      </c>
    </row>
    <row r="262" spans="2:4" x14ac:dyDescent="0.25">
      <c r="B262" s="8">
        <v>33707</v>
      </c>
      <c r="C262" s="25" t="s">
        <v>447</v>
      </c>
      <c r="D262" s="9" t="s">
        <v>22</v>
      </c>
    </row>
    <row r="263" spans="2:4" ht="45" x14ac:dyDescent="0.25">
      <c r="B263" s="8">
        <v>33710</v>
      </c>
      <c r="C263" s="25" t="s">
        <v>447</v>
      </c>
      <c r="D263" s="9" t="s">
        <v>373</v>
      </c>
    </row>
    <row r="264" spans="2:4" ht="60" x14ac:dyDescent="0.25">
      <c r="B264" s="8">
        <v>33712</v>
      </c>
      <c r="C264" s="25" t="s">
        <v>447</v>
      </c>
      <c r="D264" s="9" t="s">
        <v>336</v>
      </c>
    </row>
    <row r="265" spans="2:4" ht="45" x14ac:dyDescent="0.25">
      <c r="B265" s="8">
        <v>33713</v>
      </c>
      <c r="C265" s="25" t="s">
        <v>447</v>
      </c>
      <c r="D265" s="9" t="s">
        <v>374</v>
      </c>
    </row>
    <row r="266" spans="2:4" ht="30" x14ac:dyDescent="0.25">
      <c r="B266" s="8">
        <v>33714</v>
      </c>
      <c r="C266" s="25" t="s">
        <v>447</v>
      </c>
      <c r="D266" s="9" t="s">
        <v>375</v>
      </c>
    </row>
    <row r="267" spans="2:4" ht="30" x14ac:dyDescent="0.25">
      <c r="B267" s="8">
        <v>33715</v>
      </c>
      <c r="C267" s="25" t="s">
        <v>447</v>
      </c>
      <c r="D267" s="9" t="s">
        <v>376</v>
      </c>
    </row>
    <row r="268" spans="2:4" ht="30" x14ac:dyDescent="0.25">
      <c r="B268" s="8">
        <v>33907</v>
      </c>
      <c r="C268" s="25" t="s">
        <v>448</v>
      </c>
      <c r="D268" s="9" t="s">
        <v>377</v>
      </c>
    </row>
    <row r="269" spans="2:4" ht="45" x14ac:dyDescent="0.25">
      <c r="B269" s="13">
        <v>33910</v>
      </c>
      <c r="C269" s="25" t="s">
        <v>448</v>
      </c>
      <c r="D269" s="9" t="s">
        <v>378</v>
      </c>
    </row>
    <row r="270" spans="2:4" ht="60" x14ac:dyDescent="0.25">
      <c r="B270" s="8">
        <v>33912</v>
      </c>
      <c r="C270" s="25" t="s">
        <v>448</v>
      </c>
      <c r="D270" s="9" t="s">
        <v>336</v>
      </c>
    </row>
    <row r="271" spans="2:4" x14ac:dyDescent="0.25">
      <c r="B271" s="8">
        <v>51005</v>
      </c>
      <c r="C271" s="25" t="s">
        <v>449</v>
      </c>
      <c r="D271" s="9" t="s">
        <v>379</v>
      </c>
    </row>
    <row r="272" spans="2:4" x14ac:dyDescent="0.25">
      <c r="B272" s="13">
        <v>51007</v>
      </c>
      <c r="C272" s="31" t="s">
        <v>449</v>
      </c>
      <c r="D272" s="9" t="s">
        <v>380</v>
      </c>
    </row>
    <row r="273" spans="2:4" ht="30" x14ac:dyDescent="0.25">
      <c r="B273" s="8">
        <v>51010</v>
      </c>
      <c r="C273" s="25" t="s">
        <v>449</v>
      </c>
      <c r="D273" s="9" t="s">
        <v>381</v>
      </c>
    </row>
    <row r="274" spans="2:4" ht="45" x14ac:dyDescent="0.25">
      <c r="B274" s="8">
        <v>51012</v>
      </c>
      <c r="C274" s="25" t="s">
        <v>449</v>
      </c>
      <c r="D274" s="9" t="s">
        <v>382</v>
      </c>
    </row>
    <row r="275" spans="2:4" ht="60" x14ac:dyDescent="0.25">
      <c r="B275" s="8">
        <v>51015</v>
      </c>
      <c r="C275" s="25" t="s">
        <v>449</v>
      </c>
      <c r="D275" s="9" t="s">
        <v>383</v>
      </c>
    </row>
    <row r="276" spans="2:4" x14ac:dyDescent="0.25">
      <c r="B276" s="8">
        <v>66015</v>
      </c>
      <c r="C276" s="25" t="s">
        <v>434</v>
      </c>
      <c r="D276" s="9" t="s">
        <v>384</v>
      </c>
    </row>
    <row r="277" spans="2:4" x14ac:dyDescent="0.25">
      <c r="B277" s="8">
        <v>71010</v>
      </c>
      <c r="C277" s="30" t="s">
        <v>435</v>
      </c>
      <c r="D277" s="9" t="s">
        <v>385</v>
      </c>
    </row>
    <row r="278" spans="2:4" x14ac:dyDescent="0.25">
      <c r="B278" s="8">
        <v>71015</v>
      </c>
      <c r="C278" s="30" t="s">
        <v>435</v>
      </c>
      <c r="D278" s="9" t="s">
        <v>386</v>
      </c>
    </row>
    <row r="279" spans="2:4" ht="30" x14ac:dyDescent="0.25">
      <c r="B279" s="8">
        <v>71017</v>
      </c>
      <c r="C279" s="30" t="s">
        <v>435</v>
      </c>
      <c r="D279" s="9" t="s">
        <v>387</v>
      </c>
    </row>
    <row r="280" spans="2:4" x14ac:dyDescent="0.25">
      <c r="B280" s="8">
        <v>77007</v>
      </c>
      <c r="C280" s="26" t="s">
        <v>450</v>
      </c>
      <c r="D280" s="10" t="s">
        <v>22</v>
      </c>
    </row>
    <row r="281" spans="2:4" ht="45" x14ac:dyDescent="0.25">
      <c r="B281" s="8">
        <v>77010</v>
      </c>
      <c r="C281" s="26" t="s">
        <v>450</v>
      </c>
      <c r="D281" s="10" t="s">
        <v>388</v>
      </c>
    </row>
    <row r="282" spans="2:4" ht="45" x14ac:dyDescent="0.25">
      <c r="B282" s="8">
        <v>77012</v>
      </c>
      <c r="C282" s="26" t="s">
        <v>450</v>
      </c>
      <c r="D282" s="10" t="s">
        <v>389</v>
      </c>
    </row>
    <row r="283" spans="2:4" x14ac:dyDescent="0.25">
      <c r="B283" s="8">
        <v>77015</v>
      </c>
      <c r="C283" s="26" t="s">
        <v>450</v>
      </c>
      <c r="D283" s="10" t="s">
        <v>390</v>
      </c>
    </row>
    <row r="284" spans="2:4" ht="30" x14ac:dyDescent="0.25">
      <c r="B284" s="5">
        <v>78763</v>
      </c>
      <c r="C284" s="5" t="s">
        <v>451</v>
      </c>
      <c r="D284" s="21" t="s">
        <v>391</v>
      </c>
    </row>
    <row r="285" spans="2:4" ht="30" x14ac:dyDescent="0.25">
      <c r="B285" s="5">
        <v>78764</v>
      </c>
      <c r="C285" s="5" t="s">
        <v>451</v>
      </c>
      <c r="D285" s="20" t="s">
        <v>392</v>
      </c>
    </row>
    <row r="286" spans="2:4" ht="30" x14ac:dyDescent="0.25">
      <c r="B286" s="5">
        <v>78765</v>
      </c>
      <c r="C286" s="5" t="s">
        <v>451</v>
      </c>
      <c r="D286" s="20" t="s">
        <v>393</v>
      </c>
    </row>
    <row r="287" spans="2:4" ht="30" x14ac:dyDescent="0.25">
      <c r="B287" s="5">
        <v>78766</v>
      </c>
      <c r="C287" s="5" t="s">
        <v>451</v>
      </c>
      <c r="D287" s="20" t="s">
        <v>394</v>
      </c>
    </row>
    <row r="288" spans="2:4" ht="30" x14ac:dyDescent="0.25">
      <c r="B288" s="5">
        <v>78767</v>
      </c>
      <c r="C288" s="5" t="s">
        <v>451</v>
      </c>
      <c r="D288" s="20" t="s">
        <v>395</v>
      </c>
    </row>
    <row r="289" spans="2:4" ht="30" x14ac:dyDescent="0.25">
      <c r="B289" s="5">
        <v>78768</v>
      </c>
      <c r="C289" s="5" t="s">
        <v>451</v>
      </c>
      <c r="D289" s="20" t="s">
        <v>396</v>
      </c>
    </row>
    <row r="290" spans="2:4" ht="30" x14ac:dyDescent="0.25">
      <c r="B290" s="5">
        <v>78769</v>
      </c>
      <c r="C290" s="5" t="s">
        <v>451</v>
      </c>
      <c r="D290" s="20" t="s">
        <v>397</v>
      </c>
    </row>
    <row r="291" spans="2:4" ht="30" x14ac:dyDescent="0.25">
      <c r="B291" s="5">
        <v>78770</v>
      </c>
      <c r="C291" s="5" t="s">
        <v>451</v>
      </c>
      <c r="D291" s="20" t="s">
        <v>398</v>
      </c>
    </row>
    <row r="292" spans="2:4" ht="30" x14ac:dyDescent="0.25">
      <c r="B292" s="5">
        <v>78771</v>
      </c>
      <c r="C292" s="5" t="s">
        <v>451</v>
      </c>
      <c r="D292" s="20" t="s">
        <v>399</v>
      </c>
    </row>
    <row r="293" spans="2:4" ht="30" x14ac:dyDescent="0.25">
      <c r="B293" s="5">
        <v>78772</v>
      </c>
      <c r="C293" s="5" t="s">
        <v>451</v>
      </c>
      <c r="D293" s="20" t="s">
        <v>400</v>
      </c>
    </row>
    <row r="294" spans="2:4" ht="30" x14ac:dyDescent="0.25">
      <c r="B294" s="5">
        <v>78773</v>
      </c>
      <c r="C294" s="5" t="s">
        <v>451</v>
      </c>
      <c r="D294" s="20" t="s">
        <v>401</v>
      </c>
    </row>
    <row r="295" spans="2:4" ht="45" x14ac:dyDescent="0.25">
      <c r="B295" s="5">
        <v>78774</v>
      </c>
      <c r="C295" s="5" t="s">
        <v>451</v>
      </c>
      <c r="D295" s="20" t="s">
        <v>402</v>
      </c>
    </row>
    <row r="296" spans="2:4" ht="30" x14ac:dyDescent="0.25">
      <c r="B296" s="5">
        <v>78775</v>
      </c>
      <c r="C296" s="5" t="s">
        <v>451</v>
      </c>
      <c r="D296" s="20" t="s">
        <v>403</v>
      </c>
    </row>
    <row r="297" spans="2:4" ht="30" x14ac:dyDescent="0.25">
      <c r="B297" s="5">
        <v>78776</v>
      </c>
      <c r="C297" s="5" t="s">
        <v>451</v>
      </c>
      <c r="D297" s="20" t="s">
        <v>404</v>
      </c>
    </row>
    <row r="298" spans="2:4" ht="45" x14ac:dyDescent="0.25">
      <c r="B298" s="5">
        <v>78777</v>
      </c>
      <c r="C298" s="5" t="s">
        <v>451</v>
      </c>
      <c r="D298" s="20" t="s">
        <v>405</v>
      </c>
    </row>
    <row r="299" spans="2:4" ht="30" x14ac:dyDescent="0.25">
      <c r="B299" s="5">
        <v>78778</v>
      </c>
      <c r="C299" s="5" t="s">
        <v>451</v>
      </c>
      <c r="D299" s="20" t="s">
        <v>406</v>
      </c>
    </row>
    <row r="300" spans="2:4" ht="30" x14ac:dyDescent="0.25">
      <c r="B300" s="5">
        <v>78779</v>
      </c>
      <c r="C300" s="5" t="s">
        <v>451</v>
      </c>
      <c r="D300" s="20" t="s">
        <v>407</v>
      </c>
    </row>
    <row r="301" spans="2:4" ht="30" x14ac:dyDescent="0.25">
      <c r="B301" s="5">
        <v>78780</v>
      </c>
      <c r="C301" s="5" t="s">
        <v>451</v>
      </c>
      <c r="D301" s="20" t="s">
        <v>408</v>
      </c>
    </row>
    <row r="302" spans="2:4" ht="45" x14ac:dyDescent="0.25">
      <c r="B302" s="5">
        <v>78781</v>
      </c>
      <c r="C302" s="5" t="s">
        <v>451</v>
      </c>
      <c r="D302" s="20" t="s">
        <v>409</v>
      </c>
    </row>
    <row r="303" spans="2:4" x14ac:dyDescent="0.25">
      <c r="B303" s="8">
        <v>79007</v>
      </c>
      <c r="C303" s="26" t="s">
        <v>452</v>
      </c>
      <c r="D303" s="10" t="s">
        <v>410</v>
      </c>
    </row>
    <row r="304" spans="2:4" ht="45" x14ac:dyDescent="0.25">
      <c r="B304" s="8">
        <v>79010</v>
      </c>
      <c r="C304" s="26" t="s">
        <v>452</v>
      </c>
      <c r="D304" s="10" t="s">
        <v>411</v>
      </c>
    </row>
    <row r="305" spans="2:4" ht="45" x14ac:dyDescent="0.25">
      <c r="B305" s="8">
        <v>79012</v>
      </c>
      <c r="C305" s="26" t="s">
        <v>452</v>
      </c>
      <c r="D305" s="10" t="s">
        <v>412</v>
      </c>
    </row>
    <row r="306" spans="2:4" ht="45" x14ac:dyDescent="0.25">
      <c r="B306" s="11">
        <v>83000</v>
      </c>
      <c r="C306" s="33" t="s">
        <v>453</v>
      </c>
      <c r="D306" s="22" t="s">
        <v>413</v>
      </c>
    </row>
    <row r="307" spans="2:4" x14ac:dyDescent="0.25">
      <c r="B307" s="8">
        <v>94007</v>
      </c>
      <c r="C307" s="26" t="s">
        <v>454</v>
      </c>
      <c r="D307" s="9" t="s">
        <v>414</v>
      </c>
    </row>
    <row r="308" spans="2:4" ht="30" x14ac:dyDescent="0.25">
      <c r="B308" s="8">
        <v>94010</v>
      </c>
      <c r="C308" s="26" t="s">
        <v>454</v>
      </c>
      <c r="D308" s="9" t="s">
        <v>415</v>
      </c>
    </row>
    <row r="309" spans="2:4" ht="30" x14ac:dyDescent="0.25">
      <c r="B309" s="8">
        <v>94012</v>
      </c>
      <c r="C309" s="26" t="s">
        <v>454</v>
      </c>
      <c r="D309" s="9" t="s">
        <v>416</v>
      </c>
    </row>
  </sheetData>
  <pageMargins left="0.70866141732283461" right="0.70866141732283461" top="0.74803149606299213" bottom="0.74803149606299213" header="0.31496062992125984" footer="0.31496062992125984"/>
  <pageSetup scale="80" orientation="landscape" r:id="rId1"/>
  <headerFooter>
    <oddHeader>&amp;C&amp;A&amp;R&amp;F</oddHeader>
    <oddFooter>&amp;RPage &amp;P of  &amp;N</oddFooter>
  </headerFooter>
  <tableParts count="1">
    <tablePart r:id="rId2"/>
  </tablePar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vt:i4>
      </vt:variant>
      <vt:variant>
        <vt:lpstr>Named Ranges</vt:lpstr>
      </vt:variant>
      <vt:variant>
        <vt:i4>3</vt:i4>
      </vt:variant>
    </vt:vector>
  </HeadingPairs>
  <TitlesOfParts>
    <vt:vector size="4" baseType="lpstr">
      <vt:lpstr>Fees (numeric)</vt:lpstr>
      <vt:lpstr>'Fees (numeric)'!FINAL</vt:lpstr>
      <vt:lpstr>'Fees (numeric)'!Print_Area</vt:lpstr>
      <vt:lpstr>'Fees (numeric)'!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ouie, Betty HLTH:EX</dc:creator>
  <cp:lastModifiedBy>Louie, Betty HLTH:EX</cp:lastModifiedBy>
  <dcterms:created xsi:type="dcterms:W3CDTF">2019-11-19T20:37:26Z</dcterms:created>
  <dcterms:modified xsi:type="dcterms:W3CDTF">2020-01-23T17:05:39Z</dcterms:modified>
</cp:coreProperties>
</file>